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820" r:id="rId4"/>
  </p:sldMasterIdLst>
  <p:notesMasterIdLst>
    <p:notesMasterId r:id="rId21"/>
  </p:notesMasterIdLst>
  <p:handoutMasterIdLst>
    <p:handoutMasterId r:id="rId22"/>
  </p:handoutMasterIdLst>
  <p:sldIdLst>
    <p:sldId id="343" r:id="rId5"/>
    <p:sldId id="354" r:id="rId6"/>
    <p:sldId id="349" r:id="rId7"/>
    <p:sldId id="352" r:id="rId8"/>
    <p:sldId id="307" r:id="rId9"/>
    <p:sldId id="308" r:id="rId10"/>
    <p:sldId id="310" r:id="rId11"/>
    <p:sldId id="312" r:id="rId12"/>
    <p:sldId id="318" r:id="rId13"/>
    <p:sldId id="324" r:id="rId14"/>
    <p:sldId id="328" r:id="rId15"/>
    <p:sldId id="330" r:id="rId16"/>
    <p:sldId id="329" r:id="rId17"/>
    <p:sldId id="334" r:id="rId18"/>
    <p:sldId id="332" r:id="rId19"/>
    <p:sldId id="351" r:id="rId20"/>
  </p:sldIdLst>
  <p:sldSz cx="12192000" cy="6858000"/>
  <p:notesSz cx="6858000" cy="9144000"/>
  <p:defaultTextStyle>
    <a:defPPr>
      <a:defRPr lang="fr-FR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srgbClr val="FF0000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399FF"/>
    <a:srgbClr val="66CCFF"/>
    <a:srgbClr val="FFCC99"/>
    <a:srgbClr val="C5EDFD"/>
    <a:srgbClr val="CCFFFF"/>
    <a:srgbClr val="000066"/>
    <a:srgbClr val="DCD3FD"/>
    <a:srgbClr val="0000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305" autoAdjust="0"/>
    <p:restoredTop sz="90613" autoAdjust="0"/>
  </p:normalViewPr>
  <p:slideViewPr>
    <p:cSldViewPr showGuides="1">
      <p:cViewPr varScale="1">
        <p:scale>
          <a:sx n="96" d="100"/>
          <a:sy n="96" d="100"/>
        </p:scale>
        <p:origin x="114" y="15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75" d="100"/>
        <a:sy n="75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howGuides="1">
      <p:cViewPr varScale="1">
        <p:scale>
          <a:sx n="69" d="100"/>
          <a:sy n="69" d="100"/>
        </p:scale>
        <p:origin x="-2268" y="-96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handoutMaster" Target="handoutMasters/handoutMaster1.xml"/><Relationship Id="rId27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Rosmorduc Vinca" userId="ad80fc01-cf55-4376-a825-a887c8046f05" providerId="ADAL" clId="{EEC42FAC-EC59-4457-AB41-2912DD05A1C0}"/>
    <pc:docChg chg="delSld">
      <pc:chgData name="Rosmorduc Vinca" userId="ad80fc01-cf55-4376-a825-a887c8046f05" providerId="ADAL" clId="{EEC42FAC-EC59-4457-AB41-2912DD05A1C0}" dt="2020-11-16T12:28:22.147" v="0" actId="47"/>
      <pc:docMkLst>
        <pc:docMk/>
      </pc:docMkLst>
      <pc:sldChg chg="del">
        <pc:chgData name="Rosmorduc Vinca" userId="ad80fc01-cf55-4376-a825-a887c8046f05" providerId="ADAL" clId="{EEC42FAC-EC59-4457-AB41-2912DD05A1C0}" dt="2020-11-16T12:28:22.147" v="0" actId="47"/>
        <pc:sldMkLst>
          <pc:docMk/>
          <pc:sldMk cId="3776507324" sldId="350"/>
        </pc:sldMkLst>
      </pc:sldChg>
    </pc:docChg>
  </pc:docChgLst>
  <pc:docChgLst>
    <pc:chgData name="Rosmorduc Vinca" userId="ad80fc01-cf55-4376-a825-a887c8046f05" providerId="ADAL" clId="{8A7B6BEF-B828-4283-9296-D755F11A09A3}"/>
    <pc:docChg chg="undo custSel addSld modSld">
      <pc:chgData name="Rosmorduc Vinca" userId="ad80fc01-cf55-4376-a825-a887c8046f05" providerId="ADAL" clId="{8A7B6BEF-B828-4283-9296-D755F11A09A3}" dt="2020-06-05T07:32:08.013" v="48" actId="20577"/>
      <pc:docMkLst>
        <pc:docMk/>
      </pc:docMkLst>
      <pc:sldChg chg="modSp new mod">
        <pc:chgData name="Rosmorduc Vinca" userId="ad80fc01-cf55-4376-a825-a887c8046f05" providerId="ADAL" clId="{8A7B6BEF-B828-4283-9296-D755F11A09A3}" dt="2020-06-05T07:32:08.013" v="48" actId="20577"/>
        <pc:sldMkLst>
          <pc:docMk/>
          <pc:sldMk cId="3608353604" sldId="351"/>
        </pc:sldMkLst>
        <pc:spChg chg="mod">
          <ac:chgData name="Rosmorduc Vinca" userId="ad80fc01-cf55-4376-a825-a887c8046f05" providerId="ADAL" clId="{8A7B6BEF-B828-4283-9296-D755F11A09A3}" dt="2020-06-05T07:28:43.633" v="25" actId="179"/>
          <ac:spMkLst>
            <pc:docMk/>
            <pc:sldMk cId="3608353604" sldId="351"/>
            <ac:spMk id="2" creationId="{EC86C91D-DAF3-4DE1-BFB6-DB811E0DD1F0}"/>
          </ac:spMkLst>
        </pc:spChg>
        <pc:spChg chg="mod">
          <ac:chgData name="Rosmorduc Vinca" userId="ad80fc01-cf55-4376-a825-a887c8046f05" providerId="ADAL" clId="{8A7B6BEF-B828-4283-9296-D755F11A09A3}" dt="2020-06-05T07:32:08.013" v="48" actId="20577"/>
          <ac:spMkLst>
            <pc:docMk/>
            <pc:sldMk cId="3608353604" sldId="351"/>
            <ac:spMk id="3" creationId="{173256FF-A0F5-4576-B013-A6C6EB40B357}"/>
          </ac:spMkLst>
        </pc:spChg>
      </pc:sldChg>
    </pc:docChg>
  </pc:docChgLst>
  <pc:docChgLst>
    <pc:chgData name="Rosmorduc Vinca" userId="ad80fc01-cf55-4376-a825-a887c8046f05" providerId="ADAL" clId="{5A4664F2-59A1-45FB-A4EC-DEB3995EFC04}"/>
    <pc:docChg chg="undo custSel delSld modSld">
      <pc:chgData name="Rosmorduc Vinca" userId="ad80fc01-cf55-4376-a825-a887c8046f05" providerId="ADAL" clId="{5A4664F2-59A1-45FB-A4EC-DEB3995EFC04}" dt="2020-11-26T12:10:00.197" v="7" actId="47"/>
      <pc:docMkLst>
        <pc:docMk/>
      </pc:docMkLst>
      <pc:sldChg chg="modSp">
        <pc:chgData name="Rosmorduc Vinca" userId="ad80fc01-cf55-4376-a825-a887c8046f05" providerId="ADAL" clId="{5A4664F2-59A1-45FB-A4EC-DEB3995EFC04}" dt="2020-11-26T11:28:14.322" v="0" actId="14826"/>
        <pc:sldMkLst>
          <pc:docMk/>
          <pc:sldMk cId="0" sldId="329"/>
        </pc:sldMkLst>
        <pc:grpChg chg="mod">
          <ac:chgData name="Rosmorduc Vinca" userId="ad80fc01-cf55-4376-a825-a887c8046f05" providerId="ADAL" clId="{5A4664F2-59A1-45FB-A4EC-DEB3995EFC04}" dt="2020-11-26T11:28:14.322" v="0" actId="14826"/>
          <ac:grpSpMkLst>
            <pc:docMk/>
            <pc:sldMk cId="0" sldId="329"/>
            <ac:grpSpMk id="8" creationId="{99E8F369-8641-49EC-87C4-E7A75C94A9FD}"/>
          </ac:grpSpMkLst>
        </pc:grpChg>
        <pc:picChg chg="mod">
          <ac:chgData name="Rosmorduc Vinca" userId="ad80fc01-cf55-4376-a825-a887c8046f05" providerId="ADAL" clId="{5A4664F2-59A1-45FB-A4EC-DEB3995EFC04}" dt="2020-11-26T11:28:14.322" v="0" actId="14826"/>
          <ac:picMkLst>
            <pc:docMk/>
            <pc:sldMk cId="0" sldId="329"/>
            <ac:picMk id="3" creationId="{74F5E0D9-DE36-41A5-8634-64501329831D}"/>
          </ac:picMkLst>
        </pc:picChg>
      </pc:sldChg>
      <pc:sldChg chg="addSp delSp modSp mod">
        <pc:chgData name="Rosmorduc Vinca" userId="ad80fc01-cf55-4376-a825-a887c8046f05" providerId="ADAL" clId="{5A4664F2-59A1-45FB-A4EC-DEB3995EFC04}" dt="2020-11-26T12:09:56.416" v="6" actId="478"/>
        <pc:sldMkLst>
          <pc:docMk/>
          <pc:sldMk cId="0" sldId="343"/>
        </pc:sldMkLst>
        <pc:spChg chg="mod">
          <ac:chgData name="Rosmorduc Vinca" userId="ad80fc01-cf55-4376-a825-a887c8046f05" providerId="ADAL" clId="{5A4664F2-59A1-45FB-A4EC-DEB3995EFC04}" dt="2020-11-26T12:09:50.478" v="3" actId="6549"/>
          <ac:spMkLst>
            <pc:docMk/>
            <pc:sldMk cId="0" sldId="343"/>
            <ac:spMk id="9" creationId="{F10CD77F-397F-4CD6-A103-DA7B39C55E27}"/>
          </ac:spMkLst>
        </pc:spChg>
        <pc:spChg chg="mod">
          <ac:chgData name="Rosmorduc Vinca" userId="ad80fc01-cf55-4376-a825-a887c8046f05" providerId="ADAL" clId="{5A4664F2-59A1-45FB-A4EC-DEB3995EFC04}" dt="2020-11-26T12:09:53.881" v="5" actId="207"/>
          <ac:spMkLst>
            <pc:docMk/>
            <pc:sldMk cId="0" sldId="343"/>
            <ac:spMk id="6146" creationId="{00000000-0000-0000-0000-000000000000}"/>
          </ac:spMkLst>
        </pc:spChg>
        <pc:grpChg chg="del">
          <ac:chgData name="Rosmorduc Vinca" userId="ad80fc01-cf55-4376-a825-a887c8046f05" providerId="ADAL" clId="{5A4664F2-59A1-45FB-A4EC-DEB3995EFC04}" dt="2020-11-26T12:09:56.416" v="6" actId="478"/>
          <ac:grpSpMkLst>
            <pc:docMk/>
            <pc:sldMk cId="0" sldId="343"/>
            <ac:grpSpMk id="2" creationId="{5CCCB66C-6549-4E50-A400-957500E38EDE}"/>
          </ac:grpSpMkLst>
        </pc:grpChg>
        <pc:grpChg chg="add del">
          <ac:chgData name="Rosmorduc Vinca" userId="ad80fc01-cf55-4376-a825-a887c8046f05" providerId="ADAL" clId="{5A4664F2-59A1-45FB-A4EC-DEB3995EFC04}" dt="2020-11-26T12:09:50.845" v="4" actId="478"/>
          <ac:grpSpMkLst>
            <pc:docMk/>
            <pc:sldMk cId="0" sldId="343"/>
            <ac:grpSpMk id="4" creationId="{78388FE1-F2A4-4122-A3FB-87392E50D610}"/>
          </ac:grpSpMkLst>
        </pc:grpChg>
        <pc:grpChg chg="mod">
          <ac:chgData name="Rosmorduc Vinca" userId="ad80fc01-cf55-4376-a825-a887c8046f05" providerId="ADAL" clId="{5A4664F2-59A1-45FB-A4EC-DEB3995EFC04}" dt="2020-11-26T12:09:50.845" v="4" actId="478"/>
          <ac:grpSpMkLst>
            <pc:docMk/>
            <pc:sldMk cId="0" sldId="343"/>
            <ac:grpSpMk id="7" creationId="{FAEEA2B6-1A6D-48FD-84B0-E52B57E11519}"/>
          </ac:grpSpMkLst>
        </pc:grpChg>
        <pc:picChg chg="add del mod">
          <ac:chgData name="Rosmorduc Vinca" userId="ad80fc01-cf55-4376-a825-a887c8046f05" providerId="ADAL" clId="{5A4664F2-59A1-45FB-A4EC-DEB3995EFC04}" dt="2020-11-26T12:09:50.845" v="4" actId="478"/>
          <ac:picMkLst>
            <pc:docMk/>
            <pc:sldMk cId="0" sldId="343"/>
            <ac:picMk id="3" creationId="{152F8825-7A48-401C-896E-D58467C0CEFC}"/>
          </ac:picMkLst>
        </pc:picChg>
      </pc:sldChg>
      <pc:sldChg chg="del">
        <pc:chgData name="Rosmorduc Vinca" userId="ad80fc01-cf55-4376-a825-a887c8046f05" providerId="ADAL" clId="{5A4664F2-59A1-45FB-A4EC-DEB3995EFC04}" dt="2020-11-26T12:10:00.197" v="7" actId="47"/>
        <pc:sldMkLst>
          <pc:docMk/>
          <pc:sldMk cId="2987269871" sldId="353"/>
        </pc:sldMkLst>
      </pc:sldChg>
    </pc:docChg>
  </pc:docChgLst>
  <pc:docChgLst>
    <pc:chgData name="Rosmorduc Vinca" userId="ad80fc01-cf55-4376-a825-a887c8046f05" providerId="ADAL" clId="{2282FA83-2517-45F8-B98D-9C05EE7D97D2}"/>
    <pc:docChg chg="custSel modSld">
      <pc:chgData name="Rosmorduc Vinca" userId="ad80fc01-cf55-4376-a825-a887c8046f05" providerId="ADAL" clId="{2282FA83-2517-45F8-B98D-9C05EE7D97D2}" dt="2022-11-23T10:11:25.863" v="1293"/>
      <pc:docMkLst>
        <pc:docMk/>
      </pc:docMkLst>
      <pc:sldChg chg="modSp mod replTag delTag">
        <pc:chgData name="Rosmorduc Vinca" userId="ad80fc01-cf55-4376-a825-a887c8046f05" providerId="ADAL" clId="{2282FA83-2517-45F8-B98D-9C05EE7D97D2}" dt="2022-11-23T10:11:25.863" v="1293"/>
        <pc:sldMkLst>
          <pc:docMk/>
          <pc:sldMk cId="246926335" sldId="349"/>
        </pc:sldMkLst>
        <pc:spChg chg="replST delST">
          <ac:chgData name="Rosmorduc Vinca" userId="ad80fc01-cf55-4376-a825-a887c8046f05" providerId="ADAL" clId="{2282FA83-2517-45F8-B98D-9C05EE7D97D2}" dt="2022-11-23T10:11:25.664" v="820"/>
          <ac:spMkLst>
            <pc:docMk/>
            <pc:sldMk cId="246926335" sldId="349"/>
            <ac:spMk id="538" creationId="{80942E57-E05D-4DC0-A0CB-2EE5B047B863}"/>
          </ac:spMkLst>
        </pc:spChg>
        <pc:spChg chg="replST delST">
          <ac:chgData name="Rosmorduc Vinca" userId="ad80fc01-cf55-4376-a825-a887c8046f05" providerId="ADAL" clId="{2282FA83-2517-45F8-B98D-9C05EE7D97D2}" dt="2022-11-23T10:11:25.664" v="822"/>
          <ac:spMkLst>
            <pc:docMk/>
            <pc:sldMk cId="246926335" sldId="349"/>
            <ac:spMk id="539" creationId="{666B5E10-BEF9-4A92-8A7F-C881CD2C6D2A}"/>
          </ac:spMkLst>
        </pc:spChg>
        <pc:spChg chg="replST delST">
          <ac:chgData name="Rosmorduc Vinca" userId="ad80fc01-cf55-4376-a825-a887c8046f05" providerId="ADAL" clId="{2282FA83-2517-45F8-B98D-9C05EE7D97D2}" dt="2022-11-23T10:11:25.664" v="824"/>
          <ac:spMkLst>
            <pc:docMk/>
            <pc:sldMk cId="246926335" sldId="349"/>
            <ac:spMk id="540" creationId="{000E2FA6-FB46-4B64-AA7E-F27C459E2318}"/>
          </ac:spMkLst>
        </pc:spChg>
        <pc:spChg chg="replST delST">
          <ac:chgData name="Rosmorduc Vinca" userId="ad80fc01-cf55-4376-a825-a887c8046f05" providerId="ADAL" clId="{2282FA83-2517-45F8-B98D-9C05EE7D97D2}" dt="2022-11-23T10:11:25.672" v="855"/>
          <ac:spMkLst>
            <pc:docMk/>
            <pc:sldMk cId="246926335" sldId="349"/>
            <ac:spMk id="998" creationId="{AA3F7551-688E-4159-AC17-A7D42FCB03A8}"/>
          </ac:spMkLst>
        </pc:spChg>
        <pc:spChg chg="replST delST">
          <ac:chgData name="Rosmorduc Vinca" userId="ad80fc01-cf55-4376-a825-a887c8046f05" providerId="ADAL" clId="{2282FA83-2517-45F8-B98D-9C05EE7D97D2}" dt="2022-11-23T10:11:25.680" v="886"/>
          <ac:spMkLst>
            <pc:docMk/>
            <pc:sldMk cId="246926335" sldId="349"/>
            <ac:spMk id="1006" creationId="{69E90866-0A41-4B7B-AF0B-9B301AC15E8A}"/>
          </ac:spMkLst>
        </pc:spChg>
        <pc:spChg chg="replST delST">
          <ac:chgData name="Rosmorduc Vinca" userId="ad80fc01-cf55-4376-a825-a887c8046f05" providerId="ADAL" clId="{2282FA83-2517-45F8-B98D-9C05EE7D97D2}" dt="2022-11-23T10:11:25.688" v="917"/>
          <ac:spMkLst>
            <pc:docMk/>
            <pc:sldMk cId="246926335" sldId="349"/>
            <ac:spMk id="1014" creationId="{55B83EB2-E7BA-49B6-89F8-C5A2F368DB95}"/>
          </ac:spMkLst>
        </pc:spChg>
        <pc:spChg chg="replST delST">
          <ac:chgData name="Rosmorduc Vinca" userId="ad80fc01-cf55-4376-a825-a887c8046f05" providerId="ADAL" clId="{2282FA83-2517-45F8-B98D-9C05EE7D97D2}" dt="2022-11-23T10:11:25.696" v="948"/>
          <ac:spMkLst>
            <pc:docMk/>
            <pc:sldMk cId="246926335" sldId="349"/>
            <ac:spMk id="1022" creationId="{EAEC662F-8EDA-4A46-9884-DAEC9CBAF278}"/>
          </ac:spMkLst>
        </pc:spChg>
        <pc:spChg chg="replST delST">
          <ac:chgData name="Rosmorduc Vinca" userId="ad80fc01-cf55-4376-a825-a887c8046f05" providerId="ADAL" clId="{2282FA83-2517-45F8-B98D-9C05EE7D97D2}" dt="2022-11-23T10:11:25.704" v="979"/>
          <ac:spMkLst>
            <pc:docMk/>
            <pc:sldMk cId="246926335" sldId="349"/>
            <ac:spMk id="1030" creationId="{9A69854A-3E53-431C-9F57-1E1A66E46D66}"/>
          </ac:spMkLst>
        </pc:spChg>
        <pc:spChg chg="replST delST">
          <ac:chgData name="Rosmorduc Vinca" userId="ad80fc01-cf55-4376-a825-a887c8046f05" providerId="ADAL" clId="{2282FA83-2517-45F8-B98D-9C05EE7D97D2}" dt="2022-11-23T10:11:25.712" v="1010"/>
          <ac:spMkLst>
            <pc:docMk/>
            <pc:sldMk cId="246926335" sldId="349"/>
            <ac:spMk id="1038" creationId="{9D7830FA-3C4A-47B2-8663-83C873465E56}"/>
          </ac:spMkLst>
        </pc:spChg>
        <pc:spChg chg="replST delST">
          <ac:chgData name="Rosmorduc Vinca" userId="ad80fc01-cf55-4376-a825-a887c8046f05" providerId="ADAL" clId="{2282FA83-2517-45F8-B98D-9C05EE7D97D2}" dt="2022-11-23T10:11:25.720" v="1041"/>
          <ac:spMkLst>
            <pc:docMk/>
            <pc:sldMk cId="246926335" sldId="349"/>
            <ac:spMk id="1046" creationId="{31DF4637-D048-437E-8873-60CC8C0B45D5}"/>
          </ac:spMkLst>
        </pc:spChg>
        <pc:spChg chg="replST delST">
          <ac:chgData name="Rosmorduc Vinca" userId="ad80fc01-cf55-4376-a825-a887c8046f05" providerId="ADAL" clId="{2282FA83-2517-45F8-B98D-9C05EE7D97D2}" dt="2022-11-23T10:11:25.729" v="1072"/>
          <ac:spMkLst>
            <pc:docMk/>
            <pc:sldMk cId="246926335" sldId="349"/>
            <ac:spMk id="1054" creationId="{FFB21605-69F5-4B25-8856-A8586C65122E}"/>
          </ac:spMkLst>
        </pc:spChg>
        <pc:spChg chg="replST delST">
          <ac:chgData name="Rosmorduc Vinca" userId="ad80fc01-cf55-4376-a825-a887c8046f05" providerId="ADAL" clId="{2282FA83-2517-45F8-B98D-9C05EE7D97D2}" dt="2022-11-23T10:11:25.737" v="1103"/>
          <ac:spMkLst>
            <pc:docMk/>
            <pc:sldMk cId="246926335" sldId="349"/>
            <ac:spMk id="1062" creationId="{E48F631C-7E02-4CBD-9640-0384C17669C4}"/>
          </ac:spMkLst>
        </pc:spChg>
        <pc:spChg chg="replST delST">
          <ac:chgData name="Rosmorduc Vinca" userId="ad80fc01-cf55-4376-a825-a887c8046f05" providerId="ADAL" clId="{2282FA83-2517-45F8-B98D-9C05EE7D97D2}" dt="2022-11-23T10:11:25.746" v="1134"/>
          <ac:spMkLst>
            <pc:docMk/>
            <pc:sldMk cId="246926335" sldId="349"/>
            <ac:spMk id="1070" creationId="{D6A6F727-6F54-4603-AF7E-B18BA354BDCC}"/>
          </ac:spMkLst>
        </pc:spChg>
        <pc:spChg chg="replST delST">
          <ac:chgData name="Rosmorduc Vinca" userId="ad80fc01-cf55-4376-a825-a887c8046f05" providerId="ADAL" clId="{2282FA83-2517-45F8-B98D-9C05EE7D97D2}" dt="2022-11-23T10:11:25.753" v="1165"/>
          <ac:spMkLst>
            <pc:docMk/>
            <pc:sldMk cId="246926335" sldId="349"/>
            <ac:spMk id="1078" creationId="{EECA2EF8-A4E5-4FCB-A0AF-98DF50945C2C}"/>
          </ac:spMkLst>
        </pc:spChg>
        <pc:spChg chg="replST delST">
          <ac:chgData name="Rosmorduc Vinca" userId="ad80fc01-cf55-4376-a825-a887c8046f05" providerId="ADAL" clId="{2282FA83-2517-45F8-B98D-9C05EE7D97D2}" dt="2022-11-23T10:11:25.760" v="1196"/>
          <ac:spMkLst>
            <pc:docMk/>
            <pc:sldMk cId="246926335" sldId="349"/>
            <ac:spMk id="1086" creationId="{F90D7ACE-DE0A-45E5-B2D0-30395D10A5DA}"/>
          </ac:spMkLst>
        </pc:spChg>
        <pc:spChg chg="replST delST">
          <ac:chgData name="Rosmorduc Vinca" userId="ad80fc01-cf55-4376-a825-a887c8046f05" providerId="ADAL" clId="{2282FA83-2517-45F8-B98D-9C05EE7D97D2}" dt="2022-11-23T10:11:25.767" v="1227"/>
          <ac:spMkLst>
            <pc:docMk/>
            <pc:sldMk cId="246926335" sldId="349"/>
            <ac:spMk id="1094" creationId="{76CAA860-AF78-49FA-84F9-3E669BF03CA4}"/>
          </ac:spMkLst>
        </pc:spChg>
        <pc:spChg chg="replST delST">
          <ac:chgData name="Rosmorduc Vinca" userId="ad80fc01-cf55-4376-a825-a887c8046f05" providerId="ADAL" clId="{2282FA83-2517-45F8-B98D-9C05EE7D97D2}" dt="2022-11-23T10:11:25.775" v="1258"/>
          <ac:spMkLst>
            <pc:docMk/>
            <pc:sldMk cId="246926335" sldId="349"/>
            <ac:spMk id="1102" creationId="{C4FC18FE-D410-4A12-AC87-9BA60AA79A9A}"/>
          </ac:spMkLst>
        </pc:spChg>
        <pc:spChg chg="replST delST">
          <ac:chgData name="Rosmorduc Vinca" userId="ad80fc01-cf55-4376-a825-a887c8046f05" providerId="ADAL" clId="{2282FA83-2517-45F8-B98D-9C05EE7D97D2}" dt="2022-11-23T10:11:25.782" v="1289"/>
          <ac:spMkLst>
            <pc:docMk/>
            <pc:sldMk cId="246926335" sldId="349"/>
            <ac:spMk id="1110" creationId="{B41F8A26-14EF-4E26-B6DA-6EFBF919A01E}"/>
          </ac:spMkLst>
        </pc:spChg>
      </pc:sldChg>
    </pc:docChg>
  </pc:docChgLst>
  <pc:docChgLst>
    <pc:chgData name="Rosmorduc Vinca" userId="ad80fc01-cf55-4376-a825-a887c8046f05" providerId="ADAL" clId="{CA65DA51-7C3E-44D5-8677-11660A546EB7}"/>
    <pc:docChg chg="custSel addSld delSld modSld">
      <pc:chgData name="Rosmorduc Vinca" userId="ad80fc01-cf55-4376-a825-a887c8046f05" providerId="ADAL" clId="{CA65DA51-7C3E-44D5-8677-11660A546EB7}" dt="2020-10-06T13:26:14.264" v="194" actId="20577"/>
      <pc:docMkLst>
        <pc:docMk/>
      </pc:docMkLst>
      <pc:sldChg chg="addSp delSp modSp del mod">
        <pc:chgData name="Rosmorduc Vinca" userId="ad80fc01-cf55-4376-a825-a887c8046f05" providerId="ADAL" clId="{CA65DA51-7C3E-44D5-8677-11660A546EB7}" dt="2020-10-06T13:22:00.123" v="186" actId="47"/>
        <pc:sldMkLst>
          <pc:docMk/>
          <pc:sldMk cId="0" sldId="346"/>
        </pc:sldMkLst>
        <pc:spChg chg="mod">
          <ac:chgData name="Rosmorduc Vinca" userId="ad80fc01-cf55-4376-a825-a887c8046f05" providerId="ADAL" clId="{CA65DA51-7C3E-44D5-8677-11660A546EB7}" dt="2020-10-06T12:44:25.402" v="24" actId="20577"/>
          <ac:spMkLst>
            <pc:docMk/>
            <pc:sldMk cId="0" sldId="346"/>
            <ac:spMk id="198" creationId="{00000000-0000-0000-0000-000000000000}"/>
          </ac:spMkLst>
        </pc:spChg>
        <pc:spChg chg="mod">
          <ac:chgData name="Rosmorduc Vinca" userId="ad80fc01-cf55-4376-a825-a887c8046f05" providerId="ADAL" clId="{CA65DA51-7C3E-44D5-8677-11660A546EB7}" dt="2020-10-06T12:48:14.586" v="108" actId="14100"/>
          <ac:spMkLst>
            <pc:docMk/>
            <pc:sldMk cId="0" sldId="346"/>
            <ac:spMk id="795" creationId="{8D805275-E8F7-4CB0-A5C4-4F2412F0229C}"/>
          </ac:spMkLst>
        </pc:spChg>
        <pc:spChg chg="mod">
          <ac:chgData name="Rosmorduc Vinca" userId="ad80fc01-cf55-4376-a825-a887c8046f05" providerId="ADAL" clId="{CA65DA51-7C3E-44D5-8677-11660A546EB7}" dt="2020-10-06T12:48:09.439" v="107" actId="1038"/>
          <ac:spMkLst>
            <pc:docMk/>
            <pc:sldMk cId="0" sldId="346"/>
            <ac:spMk id="796" creationId="{963BDD35-3937-4250-A0F4-EA98CD58F773}"/>
          </ac:spMkLst>
        </pc:spChg>
        <pc:spChg chg="mod">
          <ac:chgData name="Rosmorduc Vinca" userId="ad80fc01-cf55-4376-a825-a887c8046f05" providerId="ADAL" clId="{CA65DA51-7C3E-44D5-8677-11660A546EB7}" dt="2020-10-06T12:48:09.439" v="107" actId="1038"/>
          <ac:spMkLst>
            <pc:docMk/>
            <pc:sldMk cId="0" sldId="346"/>
            <ac:spMk id="797" creationId="{E0A95897-4684-4571-8940-2422783C31C2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10" creationId="{464189B8-45F2-4AE0-9809-746621CE4E3C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16" creationId="{FBE93D81-0798-4ECB-9EFF-D1DF60FD2A1F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17" creationId="{BD797BC6-A4E9-4BC3-B113-5F22A79CBE88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18" creationId="{D5297544-A3A0-4EE9-AFF4-63A5EA0D75B1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24" creationId="{3C643A39-24C0-450A-A755-7F5A3FB1C578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25" creationId="{9155DC77-5991-4896-91D8-3D76A02C8A28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26" creationId="{1357D87B-8B99-447B-9016-850682F3100F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32" creationId="{69B26F55-5E2F-479D-A0E9-45FA98DC3545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33" creationId="{6CE271D8-7258-4EE6-A5F7-16E18DA1E764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34" creationId="{5AE50153-5BBA-4B01-A87B-8BA87024CFB8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40" creationId="{EFD2ADEE-A311-42AA-B39E-5C2B2D2940F3}"/>
          </ac:spMkLst>
        </pc:spChg>
        <pc:spChg chg="del">
          <ac:chgData name="Rosmorduc Vinca" userId="ad80fc01-cf55-4376-a825-a887c8046f05" providerId="ADAL" clId="{CA65DA51-7C3E-44D5-8677-11660A546EB7}" dt="2020-10-06T12:44:07.834" v="0" actId="478"/>
          <ac:spMkLst>
            <pc:docMk/>
            <pc:sldMk cId="0" sldId="346"/>
            <ac:spMk id="841" creationId="{8A16BDFA-1889-426A-8D7E-2BF2F64A53BE}"/>
          </ac:spMkLst>
        </pc:spChg>
        <pc:spChg chg="mod">
          <ac:chgData name="Rosmorduc Vinca" userId="ad80fc01-cf55-4376-a825-a887c8046f05" providerId="ADAL" clId="{CA65DA51-7C3E-44D5-8677-11660A546EB7}" dt="2020-10-06T12:44:51.312" v="29" actId="1037"/>
          <ac:spMkLst>
            <pc:docMk/>
            <pc:sldMk cId="0" sldId="346"/>
            <ac:spMk id="962" creationId="{1E9324C3-C75E-474B-8EB2-2F976675C17C}"/>
          </ac:spMkLst>
        </pc:spChg>
        <pc:spChg chg="mod">
          <ac:chgData name="Rosmorduc Vinca" userId="ad80fc01-cf55-4376-a825-a887c8046f05" providerId="ADAL" clId="{CA65DA51-7C3E-44D5-8677-11660A546EB7}" dt="2020-10-06T12:44:51.312" v="29" actId="1037"/>
          <ac:spMkLst>
            <pc:docMk/>
            <pc:sldMk cId="0" sldId="346"/>
            <ac:spMk id="968" creationId="{F6429070-7437-47C9-AB1B-22B09690D466}"/>
          </ac:spMkLst>
        </pc:spChg>
        <pc:spChg chg="mod">
          <ac:chgData name="Rosmorduc Vinca" userId="ad80fc01-cf55-4376-a825-a887c8046f05" providerId="ADAL" clId="{CA65DA51-7C3E-44D5-8677-11660A546EB7}" dt="2020-10-06T12:44:51.312" v="29" actId="1037"/>
          <ac:spMkLst>
            <pc:docMk/>
            <pc:sldMk cId="0" sldId="346"/>
            <ac:spMk id="969" creationId="{35A5FDFC-E782-452A-82FC-1AF4C8DAA1EE}"/>
          </ac:spMkLst>
        </pc:spChg>
        <pc:spChg chg="mod">
          <ac:chgData name="Rosmorduc Vinca" userId="ad80fc01-cf55-4376-a825-a887c8046f05" providerId="ADAL" clId="{CA65DA51-7C3E-44D5-8677-11660A546EB7}" dt="2020-10-06T12:47:37.978" v="96" actId="1076"/>
          <ac:spMkLst>
            <pc:docMk/>
            <pc:sldMk cId="0" sldId="346"/>
            <ac:spMk id="970" creationId="{E04607CA-3A62-41BE-8795-8467C580868B}"/>
          </ac:spMkLst>
        </pc:spChg>
        <pc:spChg chg="mod">
          <ac:chgData name="Rosmorduc Vinca" userId="ad80fc01-cf55-4376-a825-a887c8046f05" providerId="ADAL" clId="{CA65DA51-7C3E-44D5-8677-11660A546EB7}" dt="2020-10-06T12:47:37.978" v="96" actId="1076"/>
          <ac:spMkLst>
            <pc:docMk/>
            <pc:sldMk cId="0" sldId="346"/>
            <ac:spMk id="976" creationId="{77C44CD8-847C-4E81-BBE3-B9F72C507BA8}"/>
          </ac:spMkLst>
        </pc:spChg>
        <pc:spChg chg="mod">
          <ac:chgData name="Rosmorduc Vinca" userId="ad80fc01-cf55-4376-a825-a887c8046f05" providerId="ADAL" clId="{CA65DA51-7C3E-44D5-8677-11660A546EB7}" dt="2020-10-06T12:47:37.978" v="96" actId="1076"/>
          <ac:spMkLst>
            <pc:docMk/>
            <pc:sldMk cId="0" sldId="346"/>
            <ac:spMk id="977" creationId="{690A1840-BB05-408E-834A-D276249CA537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978" creationId="{C6F557CF-0A2D-4B59-94BB-29B70F30AA30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984" creationId="{A4F56C64-6B44-4F0D-B982-3454E55CFE94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985" creationId="{2FEE306A-B0CB-4327-BAC9-EB99BCADA9D2}"/>
          </ac:spMkLst>
        </pc:spChg>
        <pc:spChg chg="mod">
          <ac:chgData name="Rosmorduc Vinca" userId="ad80fc01-cf55-4376-a825-a887c8046f05" providerId="ADAL" clId="{CA65DA51-7C3E-44D5-8677-11660A546EB7}" dt="2020-10-06T12:47:41.771" v="98" actId="1076"/>
          <ac:spMkLst>
            <pc:docMk/>
            <pc:sldMk cId="0" sldId="346"/>
            <ac:spMk id="986" creationId="{1D7F8D1E-028D-48BB-A191-152B41CB0F07}"/>
          </ac:spMkLst>
        </pc:spChg>
        <pc:spChg chg="mod">
          <ac:chgData name="Rosmorduc Vinca" userId="ad80fc01-cf55-4376-a825-a887c8046f05" providerId="ADAL" clId="{CA65DA51-7C3E-44D5-8677-11660A546EB7}" dt="2020-10-06T12:45:57.835" v="70" actId="164"/>
          <ac:spMkLst>
            <pc:docMk/>
            <pc:sldMk cId="0" sldId="346"/>
            <ac:spMk id="992" creationId="{C65E4942-51D8-4247-9CC0-769193A9DAA5}"/>
          </ac:spMkLst>
        </pc:spChg>
        <pc:spChg chg="mod">
          <ac:chgData name="Rosmorduc Vinca" userId="ad80fc01-cf55-4376-a825-a887c8046f05" providerId="ADAL" clId="{CA65DA51-7C3E-44D5-8677-11660A546EB7}" dt="2020-10-06T12:45:57.835" v="70" actId="164"/>
          <ac:spMkLst>
            <pc:docMk/>
            <pc:sldMk cId="0" sldId="346"/>
            <ac:spMk id="993" creationId="{492BB931-9DD3-4FF3-B120-D0C4AA1AEF30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994" creationId="{CBAED3F2-4ADA-4504-86B2-3E2F5593712B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1000" creationId="{B10D56F7-3FC1-4B5C-8ECC-7450BA80D6F8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1001" creationId="{9B1FD855-5361-4075-85BF-64147392C85A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1002" creationId="{2FA5BE9F-BDC4-44F8-9746-12D825ABBB51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1008" creationId="{C4063129-DFB8-4600-9DC9-58C2B6EB03F6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1009" creationId="{C6FE1193-B671-488A-9EF8-62E7E8BAAFF9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1010" creationId="{46DC6B75-B224-4CD1-8108-6B88047F53D6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1016" creationId="{F0B882CB-85E0-47CF-9FCB-ED0329083C35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1017" creationId="{B32CFBDC-59B8-4202-8C20-884AC0121BBD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1018" creationId="{15F6562D-8687-4F74-BF03-7A361A8BC0F7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1024" creationId="{BCE77360-7D6F-4880-BAAD-2BAE30377677}"/>
          </ac:spMkLst>
        </pc:spChg>
        <pc:spChg chg="mod">
          <ac:chgData name="Rosmorduc Vinca" userId="ad80fc01-cf55-4376-a825-a887c8046f05" providerId="ADAL" clId="{CA65DA51-7C3E-44D5-8677-11660A546EB7}" dt="2020-10-06T12:47:30.050" v="94" actId="1076"/>
          <ac:spMkLst>
            <pc:docMk/>
            <pc:sldMk cId="0" sldId="346"/>
            <ac:spMk id="1025" creationId="{6F8EF3ED-3E33-4608-BC3E-2C817442F130}"/>
          </ac:spMkLst>
        </pc:spChg>
        <pc:grpChg chg="add mod">
          <ac:chgData name="Rosmorduc Vinca" userId="ad80fc01-cf55-4376-a825-a887c8046f05" providerId="ADAL" clId="{CA65DA51-7C3E-44D5-8677-11660A546EB7}" dt="2020-10-06T12:47:55.369" v="106" actId="1076"/>
          <ac:grpSpMkLst>
            <pc:docMk/>
            <pc:sldMk cId="0" sldId="346"/>
            <ac:grpSpMk id="2" creationId="{0276633F-5EB6-4D03-A021-49C80B1E9F2B}"/>
          </ac:grpSpMkLst>
        </pc:grpChg>
      </pc:sldChg>
      <pc:sldChg chg="addSp add">
        <pc:chgData name="Rosmorduc Vinca" userId="ad80fc01-cf55-4376-a825-a887c8046f05" providerId="ADAL" clId="{CA65DA51-7C3E-44D5-8677-11660A546EB7}" dt="2020-10-06T13:21:03.074" v="185"/>
        <pc:sldMkLst>
          <pc:docMk/>
          <pc:sldMk cId="246926335" sldId="349"/>
        </pc:sldMkLst>
        <pc:spChg chg="add">
          <ac:chgData name="Rosmorduc Vinca" userId="ad80fc01-cf55-4376-a825-a887c8046f05" providerId="ADAL" clId="{CA65DA51-7C3E-44D5-8677-11660A546EB7}" dt="2020-10-06T13:21:03.074" v="185"/>
          <ac:spMkLst>
            <pc:docMk/>
            <pc:sldMk cId="246926335" sldId="349"/>
            <ac:spMk id="156" creationId="{14C1F3CB-CA04-4327-AE7B-7665E850D35A}"/>
          </ac:spMkLst>
        </pc:spChg>
      </pc:sldChg>
      <pc:sldChg chg="modSp mod">
        <pc:chgData name="Rosmorduc Vinca" userId="ad80fc01-cf55-4376-a825-a887c8046f05" providerId="ADAL" clId="{CA65DA51-7C3E-44D5-8677-11660A546EB7}" dt="2020-10-06T12:49:54.568" v="183" actId="20577"/>
        <pc:sldMkLst>
          <pc:docMk/>
          <pc:sldMk cId="3776507324" sldId="350"/>
        </pc:sldMkLst>
        <pc:spChg chg="mod">
          <ac:chgData name="Rosmorduc Vinca" userId="ad80fc01-cf55-4376-a825-a887c8046f05" providerId="ADAL" clId="{CA65DA51-7C3E-44D5-8677-11660A546EB7}" dt="2020-10-06T12:49:54.568" v="183" actId="20577"/>
          <ac:spMkLst>
            <pc:docMk/>
            <pc:sldMk cId="3776507324" sldId="350"/>
            <ac:spMk id="2" creationId="{26B94267-A045-4544-96DD-CE15453B9525}"/>
          </ac:spMkLst>
        </pc:spChg>
      </pc:sldChg>
      <pc:sldChg chg="delSp modSp mod">
        <pc:chgData name="Rosmorduc Vinca" userId="ad80fc01-cf55-4376-a825-a887c8046f05" providerId="ADAL" clId="{CA65DA51-7C3E-44D5-8677-11660A546EB7}" dt="2020-10-06T13:26:14.264" v="194" actId="20577"/>
        <pc:sldMkLst>
          <pc:docMk/>
          <pc:sldMk cId="3608353604" sldId="351"/>
        </pc:sldMkLst>
        <pc:spChg chg="mod">
          <ac:chgData name="Rosmorduc Vinca" userId="ad80fc01-cf55-4376-a825-a887c8046f05" providerId="ADAL" clId="{CA65DA51-7C3E-44D5-8677-11660A546EB7}" dt="2020-10-06T13:26:14.264" v="194" actId="20577"/>
          <ac:spMkLst>
            <pc:docMk/>
            <pc:sldMk cId="3608353604" sldId="351"/>
            <ac:spMk id="3" creationId="{173256FF-A0F5-4576-B013-A6C6EB40B357}"/>
          </ac:spMkLst>
        </pc:spChg>
        <pc:spChg chg="del">
          <ac:chgData name="Rosmorduc Vinca" userId="ad80fc01-cf55-4376-a825-a887c8046f05" providerId="ADAL" clId="{CA65DA51-7C3E-44D5-8677-11660A546EB7}" dt="2020-10-06T12:49:32.324" v="125" actId="478"/>
          <ac:spMkLst>
            <pc:docMk/>
            <pc:sldMk cId="3608353604" sldId="351"/>
            <ac:spMk id="4" creationId="{1367879B-A98A-4575-87E6-81BB4B630162}"/>
          </ac:spMkLst>
        </pc:spChg>
        <pc:spChg chg="del">
          <ac:chgData name="Rosmorduc Vinca" userId="ad80fc01-cf55-4376-a825-a887c8046f05" providerId="ADAL" clId="{CA65DA51-7C3E-44D5-8677-11660A546EB7}" dt="2020-10-06T12:49:48.470" v="182" actId="478"/>
          <ac:spMkLst>
            <pc:docMk/>
            <pc:sldMk cId="3608353604" sldId="351"/>
            <ac:spMk id="5" creationId="{1C88C30F-EFE1-48FA-AA18-7D6E4794C06C}"/>
          </ac:spMkLst>
        </pc:spChg>
      </pc:sldChg>
      <pc:sldChg chg="modSp mod">
        <pc:chgData name="Rosmorduc Vinca" userId="ad80fc01-cf55-4376-a825-a887c8046f05" providerId="ADAL" clId="{CA65DA51-7C3E-44D5-8677-11660A546EB7}" dt="2020-10-06T12:48:47.602" v="110" actId="20577"/>
        <pc:sldMkLst>
          <pc:docMk/>
          <pc:sldMk cId="4185536091" sldId="352"/>
        </pc:sldMkLst>
        <pc:spChg chg="mod">
          <ac:chgData name="Rosmorduc Vinca" userId="ad80fc01-cf55-4376-a825-a887c8046f05" providerId="ADAL" clId="{CA65DA51-7C3E-44D5-8677-11660A546EB7}" dt="2020-10-06T12:48:47.602" v="110" actId="20577"/>
          <ac:spMkLst>
            <pc:docMk/>
            <pc:sldMk cId="4185536091" sldId="352"/>
            <ac:spMk id="6" creationId="{F88AF7F8-D351-4341-946E-8311F721F57F}"/>
          </ac:spMkLst>
        </pc:spChg>
      </pc:sldChg>
    </pc:docChg>
  </pc:docChgLst>
  <pc:docChgLst>
    <pc:chgData name="Rosmorduc Vinca" userId="ad80fc01-cf55-4376-a825-a887c8046f05" providerId="ADAL" clId="{90B3F5A7-B8AB-468F-B6BD-B2BF2F0635ED}"/>
    <pc:docChg chg="custSel modSld">
      <pc:chgData name="Rosmorduc Vinca" userId="ad80fc01-cf55-4376-a825-a887c8046f05" providerId="ADAL" clId="{90B3F5A7-B8AB-468F-B6BD-B2BF2F0635ED}" dt="2020-11-17T13:33:43.300" v="4" actId="164"/>
      <pc:docMkLst>
        <pc:docMk/>
      </pc:docMkLst>
      <pc:sldChg chg="addSp delSp modSp mod">
        <pc:chgData name="Rosmorduc Vinca" userId="ad80fc01-cf55-4376-a825-a887c8046f05" providerId="ADAL" clId="{90B3F5A7-B8AB-468F-B6BD-B2BF2F0635ED}" dt="2020-11-17T13:33:43.300" v="4" actId="164"/>
        <pc:sldMkLst>
          <pc:docMk/>
          <pc:sldMk cId="0" sldId="343"/>
        </pc:sldMkLst>
        <pc:spChg chg="del">
          <ac:chgData name="Rosmorduc Vinca" userId="ad80fc01-cf55-4376-a825-a887c8046f05" providerId="ADAL" clId="{90B3F5A7-B8AB-468F-B6BD-B2BF2F0635ED}" dt="2020-11-17T13:33:37.990" v="2" actId="478"/>
          <ac:spMkLst>
            <pc:docMk/>
            <pc:sldMk cId="0" sldId="343"/>
            <ac:spMk id="6" creationId="{375B3DE7-EEBB-4251-BE91-EBE08950343E}"/>
          </ac:spMkLst>
        </pc:spChg>
        <pc:spChg chg="add del">
          <ac:chgData name="Rosmorduc Vinca" userId="ad80fc01-cf55-4376-a825-a887c8046f05" providerId="ADAL" clId="{90B3F5A7-B8AB-468F-B6BD-B2BF2F0635ED}" dt="2020-11-17T13:33:34.287" v="1"/>
          <ac:spMkLst>
            <pc:docMk/>
            <pc:sldMk cId="0" sldId="343"/>
            <ac:spMk id="10" creationId="{FD2B7674-4240-4CF6-AA72-0F0B566D94E4}"/>
          </ac:spMkLst>
        </pc:spChg>
        <pc:spChg chg="add mod">
          <ac:chgData name="Rosmorduc Vinca" userId="ad80fc01-cf55-4376-a825-a887c8046f05" providerId="ADAL" clId="{90B3F5A7-B8AB-468F-B6BD-B2BF2F0635ED}" dt="2020-11-17T13:33:43.300" v="4" actId="164"/>
          <ac:spMkLst>
            <pc:docMk/>
            <pc:sldMk cId="0" sldId="343"/>
            <ac:spMk id="11" creationId="{0AB05ADE-EE60-4BEC-805B-0347AA8585A9}"/>
          </ac:spMkLst>
        </pc:spChg>
        <pc:grpChg chg="add mod">
          <ac:chgData name="Rosmorduc Vinca" userId="ad80fc01-cf55-4376-a825-a887c8046f05" providerId="ADAL" clId="{90B3F5A7-B8AB-468F-B6BD-B2BF2F0635ED}" dt="2020-11-17T13:33:43.300" v="4" actId="164"/>
          <ac:grpSpMkLst>
            <pc:docMk/>
            <pc:sldMk cId="0" sldId="343"/>
            <ac:grpSpMk id="2" creationId="{5CCCB66C-6549-4E50-A400-957500E38EDE}"/>
          </ac:grpSpMkLst>
        </pc:grpChg>
        <pc:grpChg chg="mod">
          <ac:chgData name="Rosmorduc Vinca" userId="ad80fc01-cf55-4376-a825-a887c8046f05" providerId="ADAL" clId="{90B3F5A7-B8AB-468F-B6BD-B2BF2F0635ED}" dt="2020-11-17T13:33:43.300" v="4" actId="164"/>
          <ac:grpSpMkLst>
            <pc:docMk/>
            <pc:sldMk cId="0" sldId="343"/>
            <ac:grpSpMk id="4" creationId="{78388FE1-F2A4-4122-A3FB-87392E50D610}"/>
          </ac:grpSpMkLst>
        </pc:grpChg>
      </pc:sldChg>
    </pc:docChg>
  </pc:docChgLst>
  <pc:docChgLst>
    <pc:chgData name="Rosmorduc Vinca" userId="ad80fc01-cf55-4376-a825-a887c8046f05" providerId="ADAL" clId="{5F7BE021-1F12-4A2C-8BAE-51B85FD21847}"/>
    <pc:docChg chg="delSld">
      <pc:chgData name="Rosmorduc Vinca" userId="ad80fc01-cf55-4376-a825-a887c8046f05" providerId="ADAL" clId="{5F7BE021-1F12-4A2C-8BAE-51B85FD21847}" dt="2020-04-21T12:26:05.536" v="4" actId="47"/>
      <pc:docMkLst>
        <pc:docMk/>
      </pc:docMkLst>
      <pc:sldChg chg="del">
        <pc:chgData name="Rosmorduc Vinca" userId="ad80fc01-cf55-4376-a825-a887c8046f05" providerId="ADAL" clId="{5F7BE021-1F12-4A2C-8BAE-51B85FD21847}" dt="2020-04-21T12:25:51.102" v="1" actId="47"/>
        <pc:sldMkLst>
          <pc:docMk/>
          <pc:sldMk cId="0" sldId="285"/>
        </pc:sldMkLst>
      </pc:sldChg>
      <pc:sldChg chg="del">
        <pc:chgData name="Rosmorduc Vinca" userId="ad80fc01-cf55-4376-a825-a887c8046f05" providerId="ADAL" clId="{5F7BE021-1F12-4A2C-8BAE-51B85FD21847}" dt="2020-04-21T12:25:50.131" v="0" actId="47"/>
        <pc:sldMkLst>
          <pc:docMk/>
          <pc:sldMk cId="0" sldId="306"/>
        </pc:sldMkLst>
      </pc:sldChg>
      <pc:sldChg chg="del">
        <pc:chgData name="Rosmorduc Vinca" userId="ad80fc01-cf55-4376-a825-a887c8046f05" providerId="ADAL" clId="{5F7BE021-1F12-4A2C-8BAE-51B85FD21847}" dt="2020-04-21T12:25:54.061" v="2" actId="47"/>
        <pc:sldMkLst>
          <pc:docMk/>
          <pc:sldMk cId="0" sldId="309"/>
        </pc:sldMkLst>
      </pc:sldChg>
      <pc:sldChg chg="del">
        <pc:chgData name="Rosmorduc Vinca" userId="ad80fc01-cf55-4376-a825-a887c8046f05" providerId="ADAL" clId="{5F7BE021-1F12-4A2C-8BAE-51B85FD21847}" dt="2020-04-21T12:25:59.687" v="3" actId="47"/>
        <pc:sldMkLst>
          <pc:docMk/>
          <pc:sldMk cId="0" sldId="327"/>
        </pc:sldMkLst>
      </pc:sldChg>
      <pc:sldChg chg="del">
        <pc:chgData name="Rosmorduc Vinca" userId="ad80fc01-cf55-4376-a825-a887c8046f05" providerId="ADAL" clId="{5F7BE021-1F12-4A2C-8BAE-51B85FD21847}" dt="2020-04-21T12:26:05.536" v="4" actId="47"/>
        <pc:sldMkLst>
          <pc:docMk/>
          <pc:sldMk cId="0" sldId="331"/>
        </pc:sldMkLst>
      </pc:sldChg>
    </pc:docChg>
  </pc:docChgLst>
  <pc:docChgLst>
    <pc:chgData name="Rosmorduc Vinca" userId="ad80fc01-cf55-4376-a825-a887c8046f05" providerId="ADAL" clId="{A74FD233-2F83-493A-90A7-F88D168842CD}"/>
    <pc:docChg chg="custSel addSld delSld modSld modMainMaster">
      <pc:chgData name="Rosmorduc Vinca" userId="ad80fc01-cf55-4376-a825-a887c8046f05" providerId="ADAL" clId="{A74FD233-2F83-493A-90A7-F88D168842CD}" dt="2019-07-29T13:27:46.525" v="154" actId="20577"/>
      <pc:docMkLst>
        <pc:docMk/>
      </pc:docMkLst>
      <pc:sldChg chg="modSp">
        <pc:chgData name="Rosmorduc Vinca" userId="ad80fc01-cf55-4376-a825-a887c8046f05" providerId="ADAL" clId="{A74FD233-2F83-493A-90A7-F88D168842CD}" dt="2019-07-29T13:23:11.652" v="53" actId="6549"/>
        <pc:sldMkLst>
          <pc:docMk/>
          <pc:sldMk cId="0" sldId="285"/>
        </pc:sldMkLst>
        <pc:spChg chg="mod">
          <ac:chgData name="Rosmorduc Vinca" userId="ad80fc01-cf55-4376-a825-a887c8046f05" providerId="ADAL" clId="{A74FD233-2F83-493A-90A7-F88D168842CD}" dt="2019-07-29T13:22:06.541" v="10" actId="179"/>
          <ac:spMkLst>
            <pc:docMk/>
            <pc:sldMk cId="0" sldId="285"/>
            <ac:spMk id="12290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23:11.652" v="53" actId="6549"/>
          <ac:spMkLst>
            <pc:docMk/>
            <pc:sldMk cId="0" sldId="285"/>
            <ac:spMk id="12291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285"/>
            <ac:picMk id="12292" creationId="{00000000-0000-0000-0000-000000000000}"/>
          </ac:picMkLst>
        </pc:picChg>
      </pc:sldChg>
      <pc:sldChg chg="addSp modSp">
        <pc:chgData name="Rosmorduc Vinca" userId="ad80fc01-cf55-4376-a825-a887c8046f05" providerId="ADAL" clId="{A74FD233-2F83-493A-90A7-F88D168842CD}" dt="2019-07-29T13:23:25.293" v="58" actId="20577"/>
        <pc:sldMkLst>
          <pc:docMk/>
          <pc:sldMk cId="0" sldId="306"/>
        </pc:sldMkLst>
        <pc:spChg chg="add mod">
          <ac:chgData name="Rosmorduc Vinca" userId="ad80fc01-cf55-4376-a825-a887c8046f05" providerId="ADAL" clId="{A74FD233-2F83-493A-90A7-F88D168842CD}" dt="2019-07-29T13:23:25.293" v="58" actId="20577"/>
          <ac:spMkLst>
            <pc:docMk/>
            <pc:sldMk cId="0" sldId="306"/>
            <ac:spMk id="2" creationId="{4BFA7ACC-D4CB-4DD4-8FE0-374732EB83B7}"/>
          </ac:spMkLst>
        </pc:spChg>
        <pc:spChg chg="mod">
          <ac:chgData name="Rosmorduc Vinca" userId="ad80fc01-cf55-4376-a825-a887c8046f05" providerId="ADAL" clId="{A74FD233-2F83-493A-90A7-F88D168842CD}" dt="2019-07-29T13:21:58.870" v="9" actId="179"/>
          <ac:spMkLst>
            <pc:docMk/>
            <pc:sldMk cId="0" sldId="306"/>
            <ac:spMk id="11266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06"/>
            <ac:spMk id="11267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06"/>
            <ac:picMk id="11268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1:50.963" v="8" actId="179"/>
        <pc:sldMkLst>
          <pc:docMk/>
          <pc:sldMk cId="0" sldId="307"/>
        </pc:sldMkLst>
        <pc:spChg chg="mod">
          <ac:chgData name="Rosmorduc Vinca" userId="ad80fc01-cf55-4376-a825-a887c8046f05" providerId="ADAL" clId="{A74FD233-2F83-493A-90A7-F88D168842CD}" dt="2019-07-29T13:21:50.963" v="8" actId="179"/>
          <ac:spMkLst>
            <pc:docMk/>
            <pc:sldMk cId="0" sldId="307"/>
            <ac:spMk id="13314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07"/>
            <ac:spMk id="13315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07"/>
            <ac:picMk id="13316" creationId="{00000000-0000-0000-0000-000000000000}"/>
          </ac:picMkLst>
        </pc:pic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07"/>
            <ac:picMk id="13317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3:01.340" v="52" actId="179"/>
        <pc:sldMkLst>
          <pc:docMk/>
          <pc:sldMk cId="0" sldId="308"/>
        </pc:sldMkLst>
        <pc:spChg chg="mod">
          <ac:chgData name="Rosmorduc Vinca" userId="ad80fc01-cf55-4376-a825-a887c8046f05" providerId="ADAL" clId="{A74FD233-2F83-493A-90A7-F88D168842CD}" dt="2019-07-29T13:23:01.340" v="52" actId="179"/>
          <ac:spMkLst>
            <pc:docMk/>
            <pc:sldMk cId="0" sldId="308"/>
            <ac:spMk id="14338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08"/>
            <ac:spMk id="14339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08"/>
            <ac:picMk id="14340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3:41.512" v="64" actId="20577"/>
        <pc:sldMkLst>
          <pc:docMk/>
          <pc:sldMk cId="0" sldId="309"/>
        </pc:sldMkLst>
        <pc:spChg chg="mod">
          <ac:chgData name="Rosmorduc Vinca" userId="ad80fc01-cf55-4376-a825-a887c8046f05" providerId="ADAL" clId="{A74FD233-2F83-493A-90A7-F88D168842CD}" dt="2019-07-29T13:23:36.277" v="59" actId="179"/>
          <ac:spMkLst>
            <pc:docMk/>
            <pc:sldMk cId="0" sldId="309"/>
            <ac:spMk id="15362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23:41.512" v="64" actId="20577"/>
          <ac:spMkLst>
            <pc:docMk/>
            <pc:sldMk cId="0" sldId="309"/>
            <ac:spMk id="15363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09"/>
            <ac:picMk id="15364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3:51.231" v="65" actId="179"/>
        <pc:sldMkLst>
          <pc:docMk/>
          <pc:sldMk cId="0" sldId="310"/>
        </pc:sldMkLst>
        <pc:spChg chg="mod">
          <ac:chgData name="Rosmorduc Vinca" userId="ad80fc01-cf55-4376-a825-a887c8046f05" providerId="ADAL" clId="{A74FD233-2F83-493A-90A7-F88D168842CD}" dt="2019-07-29T13:23:51.231" v="65" actId="179"/>
          <ac:spMkLst>
            <pc:docMk/>
            <pc:sldMk cId="0" sldId="310"/>
            <ac:spMk id="16386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10"/>
            <ac:spMk id="16387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10"/>
            <ac:picMk id="16388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3:59.481" v="66" actId="179"/>
        <pc:sldMkLst>
          <pc:docMk/>
          <pc:sldMk cId="0" sldId="312"/>
        </pc:sldMkLst>
        <pc:spChg chg="mod">
          <ac:chgData name="Rosmorduc Vinca" userId="ad80fc01-cf55-4376-a825-a887c8046f05" providerId="ADAL" clId="{A74FD233-2F83-493A-90A7-F88D168842CD}" dt="2019-07-29T13:23:59.481" v="66" actId="179"/>
          <ac:spMkLst>
            <pc:docMk/>
            <pc:sldMk cId="0" sldId="312"/>
            <ac:spMk id="17411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12"/>
            <ac:spMk id="17412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12"/>
            <ac:picMk id="17410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4:09.090" v="68" actId="179"/>
        <pc:sldMkLst>
          <pc:docMk/>
          <pc:sldMk cId="0" sldId="318"/>
        </pc:sldMkLst>
        <pc:spChg chg="mod">
          <ac:chgData name="Rosmorduc Vinca" userId="ad80fc01-cf55-4376-a825-a887c8046f05" providerId="ADAL" clId="{A74FD233-2F83-493A-90A7-F88D168842CD}" dt="2019-07-29T13:24:09.090" v="68" actId="179"/>
          <ac:spMkLst>
            <pc:docMk/>
            <pc:sldMk cId="0" sldId="318"/>
            <ac:spMk id="18434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18"/>
            <ac:spMk id="18435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18"/>
            <ac:picMk id="18436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5:14.887" v="79" actId="20577"/>
        <pc:sldMkLst>
          <pc:docMk/>
          <pc:sldMk cId="0" sldId="324"/>
        </pc:sldMkLst>
        <pc:spChg chg="mod">
          <ac:chgData name="Rosmorduc Vinca" userId="ad80fc01-cf55-4376-a825-a887c8046f05" providerId="ADAL" clId="{A74FD233-2F83-493A-90A7-F88D168842CD}" dt="2019-07-29T13:24:16.731" v="69" actId="179"/>
          <ac:spMkLst>
            <pc:docMk/>
            <pc:sldMk cId="0" sldId="324"/>
            <ac:spMk id="19458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25:14.887" v="79" actId="20577"/>
          <ac:spMkLst>
            <pc:docMk/>
            <pc:sldMk cId="0" sldId="324"/>
            <ac:spMk id="19459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24"/>
            <ac:picMk id="19460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4:30.731" v="72" actId="179"/>
        <pc:sldMkLst>
          <pc:docMk/>
          <pc:sldMk cId="0" sldId="327"/>
        </pc:sldMkLst>
        <pc:spChg chg="mod">
          <ac:chgData name="Rosmorduc Vinca" userId="ad80fc01-cf55-4376-a825-a887c8046f05" providerId="ADAL" clId="{A74FD233-2F83-493A-90A7-F88D168842CD}" dt="2019-07-29T13:24:30.731" v="72" actId="179"/>
          <ac:spMkLst>
            <pc:docMk/>
            <pc:sldMk cId="0" sldId="327"/>
            <ac:spMk id="20482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27"/>
            <ac:spMk id="20483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27"/>
            <ac:picMk id="20484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4:41.418" v="73" actId="179"/>
        <pc:sldMkLst>
          <pc:docMk/>
          <pc:sldMk cId="0" sldId="328"/>
        </pc:sldMkLst>
        <pc:spChg chg="mod">
          <ac:chgData name="Rosmorduc Vinca" userId="ad80fc01-cf55-4376-a825-a887c8046f05" providerId="ADAL" clId="{A74FD233-2F83-493A-90A7-F88D168842CD}" dt="2019-07-29T13:24:41.418" v="73" actId="179"/>
          <ac:spMkLst>
            <pc:docMk/>
            <pc:sldMk cId="0" sldId="328"/>
            <ac:spMk id="21506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28"/>
            <ac:spMk id="21507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28"/>
            <ac:picMk id="21508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5:39.983" v="104" actId="14100"/>
        <pc:sldMkLst>
          <pc:docMk/>
          <pc:sldMk cId="0" sldId="329"/>
        </pc:sldMkLst>
        <pc:spChg chg="mod">
          <ac:chgData name="Rosmorduc Vinca" userId="ad80fc01-cf55-4376-a825-a887c8046f05" providerId="ADAL" clId="{A74FD233-2F83-493A-90A7-F88D168842CD}" dt="2019-07-29T13:24:48.824" v="74" actId="179"/>
          <ac:spMkLst>
            <pc:docMk/>
            <pc:sldMk cId="0" sldId="329"/>
            <ac:spMk id="22530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25:35.436" v="102" actId="20577"/>
          <ac:spMkLst>
            <pc:docMk/>
            <pc:sldMk cId="0" sldId="329"/>
            <ac:spMk id="22531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25:39.983" v="104" actId="14100"/>
          <ac:picMkLst>
            <pc:docMk/>
            <pc:sldMk cId="0" sldId="329"/>
            <ac:picMk id="22532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5:52.980" v="105" actId="179"/>
        <pc:sldMkLst>
          <pc:docMk/>
          <pc:sldMk cId="0" sldId="330"/>
        </pc:sldMkLst>
        <pc:spChg chg="mod">
          <ac:chgData name="Rosmorduc Vinca" userId="ad80fc01-cf55-4376-a825-a887c8046f05" providerId="ADAL" clId="{A74FD233-2F83-493A-90A7-F88D168842CD}" dt="2019-07-29T13:25:52.980" v="105" actId="179"/>
          <ac:spMkLst>
            <pc:docMk/>
            <pc:sldMk cId="0" sldId="330"/>
            <ac:spMk id="23554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30"/>
            <ac:spMk id="23555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30"/>
            <ac:picMk id="23556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6:04.370" v="107" actId="1076"/>
        <pc:sldMkLst>
          <pc:docMk/>
          <pc:sldMk cId="0" sldId="331"/>
        </pc:sldMkLst>
        <pc:spChg chg="mod">
          <ac:chgData name="Rosmorduc Vinca" userId="ad80fc01-cf55-4376-a825-a887c8046f05" providerId="ADAL" clId="{A74FD233-2F83-493A-90A7-F88D168842CD}" dt="2019-07-29T13:26:00.745" v="106" actId="179"/>
          <ac:spMkLst>
            <pc:docMk/>
            <pc:sldMk cId="0" sldId="331"/>
            <ac:spMk id="24578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31"/>
            <ac:spMk id="24579" creationId="{00000000-0000-0000-0000-000000000000}"/>
          </ac:spMkLst>
        </pc:spChg>
        <pc:grpChg chg="mod">
          <ac:chgData name="Rosmorduc Vinca" userId="ad80fc01-cf55-4376-a825-a887c8046f05" providerId="ADAL" clId="{A74FD233-2F83-493A-90A7-F88D168842CD}" dt="2019-07-29T13:26:04.370" v="107" actId="1076"/>
          <ac:grpSpMkLst>
            <pc:docMk/>
            <pc:sldMk cId="0" sldId="331"/>
            <ac:grpSpMk id="24580" creationId="{00000000-0000-0000-0000-000000000000}"/>
          </ac:grpSpMkLst>
        </pc:grpChg>
      </pc:sldChg>
      <pc:sldChg chg="modSp">
        <pc:chgData name="Rosmorduc Vinca" userId="ad80fc01-cf55-4376-a825-a887c8046f05" providerId="ADAL" clId="{A74FD233-2F83-493A-90A7-F88D168842CD}" dt="2019-07-29T13:26:35.963" v="114" actId="179"/>
        <pc:sldMkLst>
          <pc:docMk/>
          <pc:sldMk cId="0" sldId="332"/>
        </pc:sldMkLst>
        <pc:spChg chg="mod">
          <ac:chgData name="Rosmorduc Vinca" userId="ad80fc01-cf55-4376-a825-a887c8046f05" providerId="ADAL" clId="{A74FD233-2F83-493A-90A7-F88D168842CD}" dt="2019-07-29T13:26:35.963" v="114" actId="179"/>
          <ac:spMkLst>
            <pc:docMk/>
            <pc:sldMk cId="0" sldId="332"/>
            <ac:spMk id="26626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32"/>
            <ac:spMk id="26627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19:28.035" v="0"/>
          <ac:picMkLst>
            <pc:docMk/>
            <pc:sldMk cId="0" sldId="332"/>
            <ac:picMk id="26628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6:29.479" v="113" actId="1076"/>
        <pc:sldMkLst>
          <pc:docMk/>
          <pc:sldMk cId="0" sldId="334"/>
        </pc:sldMkLst>
        <pc:spChg chg="mod">
          <ac:chgData name="Rosmorduc Vinca" userId="ad80fc01-cf55-4376-a825-a887c8046f05" providerId="ADAL" clId="{A74FD233-2F83-493A-90A7-F88D168842CD}" dt="2019-07-29T13:26:17.573" v="108" actId="179"/>
          <ac:spMkLst>
            <pc:docMk/>
            <pc:sldMk cId="0" sldId="334"/>
            <ac:spMk id="25603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26:22.479" v="111" actId="20577"/>
          <ac:spMkLst>
            <pc:docMk/>
            <pc:sldMk cId="0" sldId="334"/>
            <ac:spMk id="25604" creationId="{00000000-0000-0000-0000-000000000000}"/>
          </ac:spMkLst>
        </pc:spChg>
        <pc:picChg chg="mod">
          <ac:chgData name="Rosmorduc Vinca" userId="ad80fc01-cf55-4376-a825-a887c8046f05" providerId="ADAL" clId="{A74FD233-2F83-493A-90A7-F88D168842CD}" dt="2019-07-29T13:26:29.479" v="113" actId="1076"/>
          <ac:picMkLst>
            <pc:docMk/>
            <pc:sldMk cId="0" sldId="334"/>
            <ac:picMk id="25602" creationId="{00000000-0000-0000-0000-000000000000}"/>
          </ac:picMkLst>
        </pc:picChg>
      </pc:sldChg>
      <pc:sldChg chg="modSp">
        <pc:chgData name="Rosmorduc Vinca" userId="ad80fc01-cf55-4376-a825-a887c8046f05" providerId="ADAL" clId="{A74FD233-2F83-493A-90A7-F88D168842CD}" dt="2019-07-29T13:21:21.073" v="7" actId="20577"/>
        <pc:sldMkLst>
          <pc:docMk/>
          <pc:sldMk cId="0" sldId="346"/>
        </pc:sldMkLst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98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2" creationId="{537F88A2-C5F0-44B2-80C2-A1C6A690BC7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3" creationId="{6E94ED62-38EA-48A4-A0C1-04D288F4B2B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4" creationId="{5072D86C-5888-40B9-8102-AF722683E74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5" creationId="{8D805275-E8F7-4CB0-A5C4-4F2412F0229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6" creationId="{963BDD35-3937-4250-A0F4-EA98CD58F77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7" creationId="{E0A95897-4684-4571-8940-2422783C31C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8" creationId="{F873A9ED-15CE-4937-A0C5-280A38FA9BB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799" creationId="{5833705A-AEC5-4771-9B29-E9E9BE0BCD3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0" creationId="{97E890CD-C642-41E6-A8A0-46901704852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1" creationId="{BAED271A-0DF9-44AD-B72C-215AE9F0EE8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2" creationId="{9CA54663-B166-4C66-8969-75CEDCA3716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3" creationId="{481ADF84-91EA-4827-9ECE-62DA1CBC41A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4" creationId="{6CD0BF78-436C-4900-A2FD-DE6C06CBE8E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5" creationId="{247BA738-720B-4B1A-AE01-C981D5AA39C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6" creationId="{2F8E137A-450B-4655-A166-95EDA158F5B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7" creationId="{F4A178EE-B00B-48E8-A3DB-B1A84706663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8" creationId="{7313BA7A-424D-43B3-871A-2163E65ED00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09" creationId="{87C24CB7-2315-4AEB-BC46-2A268998FB8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0" creationId="{464189B8-45F2-4AE0-9809-746621CE4E3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1" creationId="{E10CBC71-E2D1-47BA-885E-0ED237AC013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2" creationId="{C417F183-07C4-4896-B2C0-E8A04C63190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3" creationId="{3FAC4151-E797-4802-AE97-07476BBBFC1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4" creationId="{19CD20E4-82D6-49D6-8B35-1742D620955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5" creationId="{BBA7B08C-8419-4C99-80A3-A568C1FCCAA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6" creationId="{FBE93D81-0798-4ECB-9EFF-D1DF60FD2A1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7" creationId="{BD797BC6-A4E9-4BC3-B113-5F22A79CBE8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8" creationId="{D5297544-A3A0-4EE9-AFF4-63A5EA0D75B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19" creationId="{FF83FD49-23E1-4E5B-9B4E-5114D452BE1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0" creationId="{DE02D548-2D73-47F8-992C-E01B6953E5E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1" creationId="{6405A149-3FCA-416D-AF11-6FFEF083E6C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2" creationId="{742758DE-D030-4EA8-AF01-0BBDF3C4D98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3" creationId="{2AD9EE1F-E26D-405F-AA46-4496B746DDE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4" creationId="{3C643A39-24C0-450A-A755-7F5A3FB1C57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5" creationId="{9155DC77-5991-4896-91D8-3D76A02C8A2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6" creationId="{1357D87B-8B99-447B-9016-850682F3100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7" creationId="{732E3463-94F3-4DC9-9AF7-A94A03460C2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8" creationId="{169368BC-E0E5-4273-B366-7F4B2DD2CAD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29" creationId="{C4D2D8AB-6339-4F98-804D-06F46816A7A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0" creationId="{C5C0AF95-27E4-4514-9785-1FE2052A6F0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1" creationId="{9A39D28C-A27A-43BC-9B6B-C795F106A6C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2" creationId="{69B26F55-5E2F-479D-A0E9-45FA98DC354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3" creationId="{6CE271D8-7258-4EE6-A5F7-16E18DA1E76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4" creationId="{5AE50153-5BBA-4B01-A87B-8BA87024CFB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5" creationId="{73229B25-063E-4452-93B0-E0E36AF9BD7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6" creationId="{EECB4ADA-040B-494F-91D8-15F3D99365D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7" creationId="{CFF9D504-7359-4EAA-BC2E-CD6D18DF1F8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8" creationId="{4454C709-6C02-4731-9BAF-9C4A14490AA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39" creationId="{CDB02E71-8A19-4F32-A637-BA38415EB6A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0" creationId="{EFD2ADEE-A311-42AA-B39E-5C2B2D2940F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1" creationId="{8A16BDFA-1889-426A-8D7E-2BF2F64A53B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2" creationId="{65E10A5A-67CE-4DCB-AF8C-66E9D65C5F9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3" creationId="{3AC53AD8-9474-4CD1-81BB-6A4E97FE68B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4" creationId="{69D56D9C-4803-4F8A-9644-0747057C566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5" creationId="{555030AF-A006-4384-80D6-29DB79D359E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6" creationId="{A18A8D0B-43BE-4DBF-A17B-80619EA6C83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7" creationId="{4605D0D3-FC8D-4DC0-AFF4-F3A5102DF23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8" creationId="{668E6569-DAEE-421F-99AA-472B7596949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49" creationId="{9BB12070-36C0-4D00-805B-9ECC00519B9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0" creationId="{07AFD4BF-F2F6-4C1B-8F5F-EE66E36E040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1" creationId="{C735AAE7-A1F6-4515-94B1-E73E6C1EE9D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2" creationId="{FBADAC42-10C5-43D1-A414-B38A7494163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3" creationId="{EC428775-D40B-4B09-8F80-F2F6A871EA3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4" creationId="{AD7DDFC0-AC16-4D19-94BD-69FBB01613A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5" creationId="{29ACE33F-8EF0-4356-BAF9-57869F8F17D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6" creationId="{21FA0A2E-F04A-4688-ADCC-34902E4D66A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7" creationId="{8B2DCBF1-A1DF-4709-8FC3-B4C4EB431D1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8" creationId="{06B16161-CD86-4848-BAB1-46BE7E9161F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59" creationId="{16C1DEA0-E8EE-42E3-8951-8993F2B116C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0" creationId="{F97EC494-A0E7-43BA-96C5-98516E4DF23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1" creationId="{E18F422B-BCFC-4177-9599-FF7F71C9083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2" creationId="{E1141CCA-8B77-4F9F-A41E-2F47F87363C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3" creationId="{5CAC8294-DC27-4D51-9C72-FD814AB2930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4" creationId="{8D2D04C1-02C9-4C8C-A4F6-30F7FECEFF3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5" creationId="{67E6B0C4-6479-4B1E-B1E2-37CC6042C70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6" creationId="{C5ACD5C7-C660-418D-A4B6-ACCB3754906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7" creationId="{8EBCFD06-4AD2-428D-BAB7-25075DED921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8" creationId="{6EE169AD-CF40-4A68-AA77-75D80DABEB8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69" creationId="{C3735F52-76A9-4BC8-BAD0-66F03D96F69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0" creationId="{2EFFC1BE-9C7D-47E5-AAB0-6C0BD6E56EF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1" creationId="{35925166-F6C0-4ED1-B55D-FE5F295C193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2" creationId="{3691D4D5-4318-47B5-AB13-80EEA0AC6CC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3" creationId="{C7C8F5E2-2711-48E3-AFCF-CA4E678D288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4" creationId="{8AD5F993-98F6-4D04-8F31-FE8D1AD2CFC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5" creationId="{7A4D6516-28F2-4257-B5DD-59D8B781AC5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6" creationId="{EB227BDF-4513-4A0F-AD5C-0E94DC9AE76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7" creationId="{0120C860-49D7-45C6-A010-036BF7AFDA2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8" creationId="{F6AFC5F7-0566-4D0F-B73F-3E73827680A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79" creationId="{661CBA9C-50B1-4B4C-92D7-6635F32B564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0" creationId="{89543A0B-87CC-43A0-9800-886F2270E4B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1" creationId="{8E0E829C-01D0-4D77-8B37-A6831534862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2" creationId="{ED73D4F4-C4B3-40F3-9A58-A2BDE26C29F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3" creationId="{8EFD5AA3-0703-4E77-8CA6-68FABF632F8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4" creationId="{FC5137F5-1560-4ED0-AB6E-21813F922A6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5" creationId="{E5B71370-56BC-4E7C-90D1-126CE34C71D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6" creationId="{9CF63794-6B85-45C7-8DE6-7B2F316D4A3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7" creationId="{CAD9CEDA-BC39-43A1-8F71-15B42ABAB01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8" creationId="{149B4B28-7720-49D5-9D62-AA6687E6EB8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89" creationId="{691A1EFA-3852-4B4F-A23A-0CB3D26FE64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0" creationId="{A99987C9-EC14-400F-ADEF-68E76F34C21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1" creationId="{2076CF12-2220-41D6-B2CE-AAABB82969A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2" creationId="{DECF2B18-3481-400F-97B0-EB1C966106D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3" creationId="{27331694-E432-4C9D-B2F5-78C8B27EA96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4" creationId="{71D7B030-479D-48E8-B516-5C230D5AAC6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5" creationId="{6DFED7E8-F85F-4995-905D-57E5D64FBA4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6" creationId="{3454ACF3-EC43-43D3-B067-98E1282C2F3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7" creationId="{5BB55C74-9760-43AF-ABA2-C38B08A79D9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8" creationId="{2987210E-42D3-4461-B3D8-6F288448BB9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899" creationId="{0D80A916-64E7-462D-8D64-E477D7BCE98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0" creationId="{D1D9F5DF-A3CA-49CA-9AA7-B0A942F8873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1" creationId="{93E71A61-5060-4FEB-BA2C-1C6B82ACF08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2" creationId="{74336BA3-4AE4-4EC1-9511-4FE3FE8DE0C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3" creationId="{C0665DA2-EDB7-40BA-B5BE-9EC120E2B73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4" creationId="{C125E807-2878-43BB-8667-0D79C64F79A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5" creationId="{D4190E1F-8080-47C0-ABF3-1C7A8898B4E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6" creationId="{22FF1755-5351-4B09-8C32-D4DB3D4E4B9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7" creationId="{ABB7C21D-74A3-4DC8-A26C-1086587705F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8" creationId="{0ACEE983-BC6B-4CBD-9A29-33C8DDD6BF9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09" creationId="{8D444C6D-5FF3-4922-A4A6-E582BBCBBF3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0" creationId="{34FE8748-CA1A-4A5C-9A5B-2D0B4440441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1" creationId="{70B35AE7-4138-4C68-85CB-CBA62EC5BE5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2" creationId="{3559CD44-78FD-43A6-871F-89677A6F588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3" creationId="{7F57C5C3-D08B-4A71-A5D8-7F5D4847AEE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4" creationId="{08AA87E6-7924-4230-9E34-4D38BF3E424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5" creationId="{A22FCA08-9FA5-4A26-880A-0E54ECB5438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6" creationId="{6D966B7B-16BA-4A20-961B-8A3A9753366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7" creationId="{D9A1F3D5-9981-4193-8871-4CB9E46EA7B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8" creationId="{CF85BDDB-DD7C-44E9-AD21-6D12E39D46D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19" creationId="{9887E5E9-FA34-4964-AA56-7244D6E1005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0" creationId="{C80F288A-8990-4455-A372-3578BA4081B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1" creationId="{21C7CB0C-CBEA-43E0-914D-7C0A70AC60D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2" creationId="{6FDCBD18-E7CA-4587-A7E0-79DC5C6AA0B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3" creationId="{53C6A2B4-FC4D-4746-AE9B-6E4649033CF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4" creationId="{1C012D0E-3D40-4D33-9F4F-8146FC4BAE3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5" creationId="{26E8AA09-EF43-4408-938D-39C0DD769BC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6" creationId="{DE7636F8-9B1C-4AA4-BFBC-3ABC46AE7DC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7" creationId="{12697257-6F52-438C-A772-F1C721B7EB4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8" creationId="{4ECE695B-2237-4BAA-97A2-17E43ED3537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29" creationId="{6CCEF5BC-F52D-4D58-9FA9-B91CDFFD629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0" creationId="{0D13F594-2E34-4793-BE91-0934DB1EE73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1" creationId="{EF1F3AD0-D2A3-403C-B9EA-67BF3FB10AC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2" creationId="{F15C755D-8CDC-48D8-A574-ABA3FA35B22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3" creationId="{55014510-340E-410B-8D78-115DACED2A0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4" creationId="{A67F6EAD-4597-459B-87D0-0D811CF5859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5" creationId="{283BC30A-C875-4BAB-A948-E66FD22924B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6" creationId="{DD9E595B-214E-406E-86ED-B3AC133BFBE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7" creationId="{4CB92D31-5039-4DBD-87A1-F6CB5F3EB9D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8" creationId="{C71B37FB-6F73-4247-8A54-82B1B27E8E3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39" creationId="{90F0B3EE-498D-49E2-9207-1318F4A7787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0" creationId="{6AE7560F-C587-4C8C-AF5B-1B86A2CD3B8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1" creationId="{A750CE2A-CFF9-414C-A081-117B9CDFE31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2" creationId="{122741F9-2E29-4E98-95FC-E8D5AB58D9B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3" creationId="{BD376B8F-A448-4011-8E00-69475928036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4" creationId="{D1EDC7AB-7FE9-4B1E-A390-575F92A49FC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5" creationId="{626247F0-982F-48BD-8ED2-DCDC3DDB14B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6" creationId="{D22A839E-A93D-42E8-ADF4-1A92D7DBCEA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7" creationId="{3E9E26D7-9230-48FA-9EAC-EE7A998BFA0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8" creationId="{9D46D14A-A049-4E9B-860D-7C9992DA141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49" creationId="{A0250933-D229-4772-A586-09D27A2BF64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0" creationId="{5BF893EC-2B9E-4623-8AFE-8AF5288AAB5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1" creationId="{A785046D-2534-4970-B9D8-7BF97DE9142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2" creationId="{E66F4267-58E9-469A-9F61-FCBD96F3696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3" creationId="{A71CFBE6-B9AD-4B1F-8F1A-BB5B2C45C00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4" creationId="{379FA8EC-2A00-47DA-A9E8-AE5E9B58E92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5" creationId="{1016560D-157F-42A9-9609-4D023C510C4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6" creationId="{7ACBF40F-738B-4C5D-9E30-79277D3D1AE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7" creationId="{DDD0AF3B-C481-45C5-AE12-5BD7AD497BB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8" creationId="{2B1F0382-70A4-47CF-A923-656BE8FC826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59" creationId="{9578897B-557D-44AC-AD9C-74D879E83F9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0" creationId="{52DB17B0-D616-4AF3-8F2C-34C69CAC2F9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1" creationId="{42D7B734-1505-418F-A494-BC0027DDC75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2" creationId="{1E9324C3-C75E-474B-8EB2-2F976675C17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3" creationId="{1742E218-71CE-4E74-9769-E89CE13F9D7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4" creationId="{1D997164-B413-48EE-9302-45E0FB421B6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5" creationId="{24E428BE-913D-4AED-B735-81DD71BEF90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6" creationId="{D5902908-C59F-4EE1-B8EA-4DEEEF9E790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7" creationId="{C14A1061-AD6C-403F-B1CE-1A8AD159BFC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8" creationId="{F6429070-7437-47C9-AB1B-22B09690D46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69" creationId="{35A5FDFC-E782-452A-82FC-1AF4C8DAA1E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0" creationId="{E04607CA-3A62-41BE-8795-8467C580868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1" creationId="{F73472FA-42E1-4BE9-B0FA-39ECA8C9785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2" creationId="{9244727D-B01A-420C-8CBB-91335FB7913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3" creationId="{33A9141D-C0FB-4F29-B7D8-49F725353C7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4" creationId="{792BF63E-58B4-4D0C-9F95-BDADF3501DF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5" creationId="{63B07E7C-2999-4CB3-BE92-139E1FFC867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6" creationId="{77C44CD8-847C-4E81-BBE3-B9F72C507BA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7" creationId="{690A1840-BB05-408E-834A-D276249CA53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8" creationId="{C6F557CF-0A2D-4B59-94BB-29B70F30AA3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79" creationId="{58A4E153-E145-42C9-A0A3-AB4F9FDF4EA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0" creationId="{D4D21A0C-9399-4439-9580-4502FC9CA90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1" creationId="{C7775DBC-86F2-4656-BB41-219906B81B6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2" creationId="{795CFCEF-240E-439E-8CDF-AFB0E75560A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3" creationId="{FD25B762-B9E3-49ED-916E-6971BA075C4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4" creationId="{A4F56C64-6B44-4F0D-B982-3454E55CFE9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5" creationId="{2FEE306A-B0CB-4327-BAC9-EB99BCADA9D2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6" creationId="{1D7F8D1E-028D-48BB-A191-152B41CB0F0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7" creationId="{2EEA9B5D-2335-472B-A99B-E7CF5FD5011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8" creationId="{DC016D78-B198-4B66-A1E9-95B753E56E2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89" creationId="{F50E9483-992D-449E-975F-45E991A7FC9C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0" creationId="{F2FAB22B-802B-4A56-A192-F7B90027F9E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1" creationId="{EA8EC111-13EC-469C-BA4F-AD956D61799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2" creationId="{C65E4942-51D8-4247-9CC0-769193A9DAA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3" creationId="{492BB931-9DD3-4FF3-B120-D0C4AA1AEF3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4" creationId="{CBAED3F2-4ADA-4504-86B2-3E2F5593712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5" creationId="{3A5830EB-1CC6-4444-850E-1BA952E9547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6" creationId="{C7CF4587-D050-4B6C-82CC-7075723B360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7" creationId="{33EA8FF1-D00D-485F-8B32-E35D4562706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8" creationId="{7FE848CD-BCAB-4E2D-AE7B-963AE85CEC4B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999" creationId="{F20A96CC-007A-4CCD-B85E-17F5978026B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0" creationId="{B10D56F7-3FC1-4B5C-8ECC-7450BA80D6F8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1" creationId="{9B1FD855-5361-4075-85BF-64147392C85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2" creationId="{2FA5BE9F-BDC4-44F8-9746-12D825ABBB5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3" creationId="{89BB0D96-1DAE-42D4-BB90-CEEC83D77583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4" creationId="{D2EDA7F7-328F-4CD5-AA53-0E5F8CB5097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5" creationId="{4F0524F2-A1C2-4908-997C-085EEE6A2B8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6" creationId="{0B4DD60B-5923-47DE-9F16-8755FCAA3E4F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7" creationId="{FD94B25E-4BF0-49A5-BCF4-60428868632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8" creationId="{C4063129-DFB8-4600-9DC9-58C2B6EB03F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09" creationId="{C6FE1193-B671-488A-9EF8-62E7E8BAAFF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0" creationId="{46DC6B75-B224-4CD1-8108-6B88047F53D6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1" creationId="{BAC44927-BE69-427F-901F-5F750149F614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2" creationId="{E7B31606-7727-488E-9CDE-AA9A1809A7B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3" creationId="{D1AF81AC-DB2E-418F-92DA-C056471936B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4" creationId="{8A1262C2-A699-4301-9641-F7D0C8F5906A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5" creationId="{A495F35D-343D-4186-B467-718E59ECEADA}"/>
          </ac:spMkLst>
        </pc:spChg>
        <pc:spChg chg="mod">
          <ac:chgData name="Rosmorduc Vinca" userId="ad80fc01-cf55-4376-a825-a887c8046f05" providerId="ADAL" clId="{A74FD233-2F83-493A-90A7-F88D168842CD}" dt="2019-07-29T13:21:21.073" v="7" actId="20577"/>
          <ac:spMkLst>
            <pc:docMk/>
            <pc:sldMk cId="0" sldId="346"/>
            <ac:spMk id="1016" creationId="{F0B882CB-85E0-47CF-9FCB-ED0329083C35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7" creationId="{B32CFBDC-59B8-4202-8C20-884AC0121BB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8" creationId="{15F6562D-8687-4F74-BF03-7A361A8BC0F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19" creationId="{A16AFCDF-FD7B-43EE-9609-F1DBCC5709E9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0" creationId="{8FFA2BCD-7C7B-4D8D-A0B0-58DB4D83775D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1" creationId="{C6E2EA5D-84B3-49F5-847E-E090A0BEC66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2" creationId="{9FCBED88-B513-4A5C-8F39-63A40F2CD4B1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3" creationId="{5E8A031B-118F-40E2-B51B-E99EC12F935E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4" creationId="{BCE77360-7D6F-4880-BAAD-2BAE30377677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k cId="0" sldId="346"/>
            <ac:spMk id="1025" creationId="{6F8EF3ED-3E33-4608-BC3E-2C817442F130}"/>
          </ac:spMkLst>
        </pc:spChg>
      </pc:sldChg>
      <pc:sldChg chg="modSp add">
        <pc:chgData name="Rosmorduc Vinca" userId="ad80fc01-cf55-4376-a825-a887c8046f05" providerId="ADAL" clId="{A74FD233-2F83-493A-90A7-F88D168842CD}" dt="2019-07-29T13:27:46.525" v="154" actId="20577"/>
        <pc:sldMkLst>
          <pc:docMk/>
          <pc:sldMk cId="3776507324" sldId="350"/>
        </pc:sldMkLst>
        <pc:spChg chg="mod">
          <ac:chgData name="Rosmorduc Vinca" userId="ad80fc01-cf55-4376-a825-a887c8046f05" providerId="ADAL" clId="{A74FD233-2F83-493A-90A7-F88D168842CD}" dt="2019-07-29T13:27:46.525" v="154" actId="20577"/>
          <ac:spMkLst>
            <pc:docMk/>
            <pc:sldMk cId="3776507324" sldId="350"/>
            <ac:spMk id="2" creationId="{26B94267-A045-4544-96DD-CE15453B9525}"/>
          </ac:spMkLst>
        </pc:spChg>
      </pc:sldChg>
      <pc:sldMasterChg chg="delSp modSp modSldLayout">
        <pc:chgData name="Rosmorduc Vinca" userId="ad80fc01-cf55-4376-a825-a887c8046f05" providerId="ADAL" clId="{A74FD233-2F83-493A-90A7-F88D168842CD}" dt="2019-07-29T13:19:51.427" v="5" actId="478"/>
        <pc:sldMasterMkLst>
          <pc:docMk/>
          <pc:sldMasterMk cId="0" sldId="2147483670"/>
        </pc:sldMasterMkLst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asterMk cId="0" sldId="2147483670"/>
            <ac:spMk id="4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asterMk cId="0" sldId="2147483670"/>
            <ac:spMk id="7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asterMk cId="0" sldId="2147483670"/>
            <ac:spMk id="10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asterMk cId="0" sldId="2147483670"/>
            <ac:spMk id="1026" creationId="{00000000-0000-0000-0000-000000000000}"/>
          </ac:spMkLst>
        </pc:spChg>
        <pc:spChg chg="mod">
          <ac:chgData name="Rosmorduc Vinca" userId="ad80fc01-cf55-4376-a825-a887c8046f05" providerId="ADAL" clId="{A74FD233-2F83-493A-90A7-F88D168842CD}" dt="2019-07-29T13:19:28.035" v="0"/>
          <ac:spMkLst>
            <pc:docMk/>
            <pc:sldMasterMk cId="0" sldId="2147483670"/>
            <ac:spMk id="1027" creationId="{00000000-0000-0000-0000-000000000000}"/>
          </ac:spMkLst>
        </pc:spChg>
        <pc:picChg chg="del mod">
          <ac:chgData name="Rosmorduc Vinca" userId="ad80fc01-cf55-4376-a825-a887c8046f05" providerId="ADAL" clId="{A74FD233-2F83-493A-90A7-F88D168842CD}" dt="2019-07-29T13:19:46.365" v="2" actId="478"/>
          <ac:picMkLst>
            <pc:docMk/>
            <pc:sldMasterMk cId="0" sldId="2147483670"/>
            <ac:picMk id="1028" creationId="{00000000-0000-0000-0000-000000000000}"/>
          </ac:picMkLst>
        </pc:picChg>
        <pc:cxnChg chg="del mod">
          <ac:chgData name="Rosmorduc Vinca" userId="ad80fc01-cf55-4376-a825-a887c8046f05" providerId="ADAL" clId="{A74FD233-2F83-493A-90A7-F88D168842CD}" dt="2019-07-29T13:19:43.504" v="1" actId="478"/>
          <ac:cxnSpMkLst>
            <pc:docMk/>
            <pc:sldMasterMk cId="0" sldId="2147483670"/>
            <ac:cxnSpMk id="13" creationId="{00000000-0000-0000-0000-000000000000}"/>
          </ac:cxnSpMkLst>
        </pc:cxnChg>
        <pc:cxnChg chg="del mod">
          <ac:chgData name="Rosmorduc Vinca" userId="ad80fc01-cf55-4376-a825-a887c8046f05" providerId="ADAL" clId="{A74FD233-2F83-493A-90A7-F88D168842CD}" dt="2019-07-29T13:19:43.504" v="1" actId="478"/>
          <ac:cxnSpMkLst>
            <pc:docMk/>
            <pc:sldMasterMk cId="0" sldId="2147483670"/>
            <ac:cxnSpMk id="14" creationId="{00000000-0000-0000-0000-000000000000}"/>
          </ac:cxnSpMkLst>
        </pc:cxnChg>
        <pc:cxnChg chg="del mod">
          <ac:chgData name="Rosmorduc Vinca" userId="ad80fc01-cf55-4376-a825-a887c8046f05" providerId="ADAL" clId="{A74FD233-2F83-493A-90A7-F88D168842CD}" dt="2019-07-29T13:19:43.504" v="1" actId="478"/>
          <ac:cxnSpMkLst>
            <pc:docMk/>
            <pc:sldMasterMk cId="0" sldId="2147483670"/>
            <ac:cxnSpMk id="15" creationId="{00000000-0000-0000-0000-000000000000}"/>
          </ac:cxnSpMkLst>
        </pc:cxnChg>
        <pc:cxnChg chg="del mod">
          <ac:chgData name="Rosmorduc Vinca" userId="ad80fc01-cf55-4376-a825-a887c8046f05" providerId="ADAL" clId="{A74FD233-2F83-493A-90A7-F88D168842CD}" dt="2019-07-29T13:19:50.177" v="4" actId="478"/>
          <ac:cxnSpMkLst>
            <pc:docMk/>
            <pc:sldMasterMk cId="0" sldId="2147483670"/>
            <ac:cxnSpMk id="16" creationId="{00000000-0000-0000-0000-000000000000}"/>
          </ac:cxnSpMkLst>
        </pc:cxnChg>
        <pc:cxnChg chg="del mod">
          <ac:chgData name="Rosmorduc Vinca" userId="ad80fc01-cf55-4376-a825-a887c8046f05" providerId="ADAL" clId="{A74FD233-2F83-493A-90A7-F88D168842CD}" dt="2019-07-29T13:19:49.084" v="3" actId="478"/>
          <ac:cxnSpMkLst>
            <pc:docMk/>
            <pc:sldMasterMk cId="0" sldId="2147483670"/>
            <ac:cxnSpMk id="17" creationId="{00000000-0000-0000-0000-000000000000}"/>
          </ac:cxnSpMkLst>
        </pc:cxnChg>
        <pc:cxnChg chg="del mod">
          <ac:chgData name="Rosmorduc Vinca" userId="ad80fc01-cf55-4376-a825-a887c8046f05" providerId="ADAL" clId="{A74FD233-2F83-493A-90A7-F88D168842CD}" dt="2019-07-29T13:19:51.427" v="5" actId="478"/>
          <ac:cxnSpMkLst>
            <pc:docMk/>
            <pc:sldMasterMk cId="0" sldId="2147483670"/>
            <ac:cxnSpMk id="18" creationId="{00000000-0000-0000-0000-000000000000}"/>
          </ac:cxnSpMkLst>
        </pc:cxn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07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7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7"/>
              <ac:spMk id="3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08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8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8"/>
              <ac:spMk id="4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09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9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9"/>
              <ac:spMk id="4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9"/>
              <ac:spMk id="5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09"/>
              <ac:spMk id="6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1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1"/>
              <ac:spMk id="3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3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3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3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3"/>
              <ac:spMk id="4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5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5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5"/>
              <ac:spMk id="3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6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6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6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6"/>
              <ac:spMk id="4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7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7"/>
              <ac:spMk id="5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8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8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8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8"/>
              <ac:spMk id="4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8"/>
              <ac:spMk id="6" creationId="{00000000-0000-0000-0000-000000000000}"/>
            </ac:spMkLst>
          </pc:spChg>
        </pc:sldLayoutChg>
        <pc:sldLayoutChg chg="modSp">
          <pc:chgData name="Rosmorduc Vinca" userId="ad80fc01-cf55-4376-a825-a887c8046f05" providerId="ADAL" clId="{A74FD233-2F83-493A-90A7-F88D168842CD}" dt="2019-07-29T13:19:28.035" v="0"/>
          <pc:sldLayoutMkLst>
            <pc:docMk/>
            <pc:sldMasterMk cId="0" sldId="2147483670"/>
            <pc:sldLayoutMk cId="0" sldId="2147483819"/>
          </pc:sldLayoutMkLst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9"/>
              <ac:spMk id="2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9"/>
              <ac:spMk id="3" creationId="{00000000-0000-0000-0000-000000000000}"/>
            </ac:spMkLst>
          </pc:spChg>
          <pc:spChg chg="mod">
            <ac:chgData name="Rosmorduc Vinca" userId="ad80fc01-cf55-4376-a825-a887c8046f05" providerId="ADAL" clId="{A74FD233-2F83-493A-90A7-F88D168842CD}" dt="2019-07-29T13:19:28.035" v="0"/>
            <ac:spMkLst>
              <pc:docMk/>
              <pc:sldMasterMk cId="0" sldId="2147483670"/>
              <pc:sldLayoutMk cId="0" sldId="2147483819"/>
              <ac:spMk id="4" creationId="{00000000-0000-0000-0000-000000000000}"/>
            </ac:spMkLst>
          </pc:spChg>
        </pc:sldLayoutChg>
      </pc:sldMasterChg>
    </pc:docChg>
  </pc:docChgLst>
  <pc:docChgLst>
    <pc:chgData name="Rosmorduc Vinca" userId="ad80fc01-cf55-4376-a825-a887c8046f05" providerId="ADAL" clId="{B976E623-350D-45E3-85A0-C4C99C19FFE8}"/>
    <pc:docChg chg="modSld">
      <pc:chgData name="Rosmorduc Vinca" userId="ad80fc01-cf55-4376-a825-a887c8046f05" providerId="ADAL" clId="{B976E623-350D-45E3-85A0-C4C99C19FFE8}" dt="2024-01-26T14:15:05.384" v="34" actId="20577"/>
      <pc:docMkLst>
        <pc:docMk/>
      </pc:docMkLst>
      <pc:sldChg chg="modSp mod">
        <pc:chgData name="Rosmorduc Vinca" userId="ad80fc01-cf55-4376-a825-a887c8046f05" providerId="ADAL" clId="{B976E623-350D-45E3-85A0-C4C99C19FFE8}" dt="2024-01-26T14:15:05.384" v="34" actId="20577"/>
        <pc:sldMkLst>
          <pc:docMk/>
          <pc:sldMk cId="0" sldId="332"/>
        </pc:sldMkLst>
        <pc:spChg chg="mod">
          <ac:chgData name="Rosmorduc Vinca" userId="ad80fc01-cf55-4376-a825-a887c8046f05" providerId="ADAL" clId="{B976E623-350D-45E3-85A0-C4C99C19FFE8}" dt="2024-01-26T14:15:05.384" v="34" actId="20577"/>
          <ac:spMkLst>
            <pc:docMk/>
            <pc:sldMk cId="0" sldId="332"/>
            <ac:spMk id="26627" creationId="{00000000-0000-0000-0000-000000000000}"/>
          </ac:spMkLst>
        </pc:spChg>
      </pc:sldChg>
    </pc:docChg>
  </pc:docChgLst>
  <pc:docChgLst>
    <pc:chgData name="Rosmorduc Vinca" userId="ad80fc01-cf55-4376-a825-a887c8046f05" providerId="ADAL" clId="{31B8F73C-C25D-4C24-BE28-8CFDC8CFE5F2}"/>
    <pc:docChg chg="custSel modSld">
      <pc:chgData name="Rosmorduc Vinca" userId="ad80fc01-cf55-4376-a825-a887c8046f05" providerId="ADAL" clId="{31B8F73C-C25D-4C24-BE28-8CFDC8CFE5F2}" dt="2019-10-04T07:58:04.580" v="1383" actId="20577"/>
      <pc:docMkLst>
        <pc:docMk/>
      </pc:docMkLst>
      <pc:sldChg chg="modSp">
        <pc:chgData name="Rosmorduc Vinca" userId="ad80fc01-cf55-4376-a825-a887c8046f05" providerId="ADAL" clId="{31B8F73C-C25D-4C24-BE28-8CFDC8CFE5F2}" dt="2019-10-04T07:38:07.007" v="324"/>
        <pc:sldMkLst>
          <pc:docMk/>
          <pc:sldMk cId="0" sldId="285"/>
        </pc:sldMkLst>
        <pc:spChg chg="mod">
          <ac:chgData name="Rosmorduc Vinca" userId="ad80fc01-cf55-4376-a825-a887c8046f05" providerId="ADAL" clId="{31B8F73C-C25D-4C24-BE28-8CFDC8CFE5F2}" dt="2019-10-04T07:38:07.007" v="324"/>
          <ac:spMkLst>
            <pc:docMk/>
            <pc:sldMk cId="0" sldId="285"/>
            <ac:spMk id="12291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32:24.562" v="189" actId="20577"/>
        <pc:sldMkLst>
          <pc:docMk/>
          <pc:sldMk cId="0" sldId="306"/>
        </pc:sldMkLst>
        <pc:spChg chg="mod">
          <ac:chgData name="Rosmorduc Vinca" userId="ad80fc01-cf55-4376-a825-a887c8046f05" providerId="ADAL" clId="{31B8F73C-C25D-4C24-BE28-8CFDC8CFE5F2}" dt="2019-10-04T07:32:24.562" v="189" actId="20577"/>
          <ac:spMkLst>
            <pc:docMk/>
            <pc:sldMk cId="0" sldId="306"/>
            <ac:spMk id="2" creationId="{4BFA7ACC-D4CB-4DD4-8FE0-374732EB83B7}"/>
          </ac:spMkLst>
        </pc:spChg>
        <pc:spChg chg="mod">
          <ac:chgData name="Rosmorduc Vinca" userId="ad80fc01-cf55-4376-a825-a887c8046f05" providerId="ADAL" clId="{31B8F73C-C25D-4C24-BE28-8CFDC8CFE5F2}" dt="2019-10-04T07:31:06.097" v="85" actId="6549"/>
          <ac:spMkLst>
            <pc:docMk/>
            <pc:sldMk cId="0" sldId="306"/>
            <ac:spMk id="11266" creationId="{00000000-0000-0000-0000-000000000000}"/>
          </ac:spMkLst>
        </pc:spChg>
        <pc:spChg chg="mod">
          <ac:chgData name="Rosmorduc Vinca" userId="ad80fc01-cf55-4376-a825-a887c8046f05" providerId="ADAL" clId="{31B8F73C-C25D-4C24-BE28-8CFDC8CFE5F2}" dt="2019-10-04T07:31:55.141" v="124" actId="20577"/>
          <ac:spMkLst>
            <pc:docMk/>
            <pc:sldMk cId="0" sldId="306"/>
            <ac:spMk id="11267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47:18.868" v="656"/>
        <pc:sldMkLst>
          <pc:docMk/>
          <pc:sldMk cId="0" sldId="307"/>
        </pc:sldMkLst>
        <pc:spChg chg="mod">
          <ac:chgData name="Rosmorduc Vinca" userId="ad80fc01-cf55-4376-a825-a887c8046f05" providerId="ADAL" clId="{31B8F73C-C25D-4C24-BE28-8CFDC8CFE5F2}" dt="2019-10-04T07:47:18.868" v="656"/>
          <ac:spMkLst>
            <pc:docMk/>
            <pc:sldMk cId="0" sldId="307"/>
            <ac:spMk id="13315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42:50.774" v="471"/>
        <pc:sldMkLst>
          <pc:docMk/>
          <pc:sldMk cId="0" sldId="308"/>
        </pc:sldMkLst>
        <pc:spChg chg="mod">
          <ac:chgData name="Rosmorduc Vinca" userId="ad80fc01-cf55-4376-a825-a887c8046f05" providerId="ADAL" clId="{31B8F73C-C25D-4C24-BE28-8CFDC8CFE5F2}" dt="2019-10-04T07:42:50.774" v="471"/>
          <ac:spMkLst>
            <pc:docMk/>
            <pc:sldMk cId="0" sldId="308"/>
            <ac:spMk id="14339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44:21.315" v="479"/>
        <pc:sldMkLst>
          <pc:docMk/>
          <pc:sldMk cId="0" sldId="309"/>
        </pc:sldMkLst>
        <pc:spChg chg="mod">
          <ac:chgData name="Rosmorduc Vinca" userId="ad80fc01-cf55-4376-a825-a887c8046f05" providerId="ADAL" clId="{31B8F73C-C25D-4C24-BE28-8CFDC8CFE5F2}" dt="2019-10-04T07:44:21.315" v="479"/>
          <ac:spMkLst>
            <pc:docMk/>
            <pc:sldMk cId="0" sldId="309"/>
            <ac:spMk id="15363" creationId="{00000000-0000-0000-0000-000000000000}"/>
          </ac:spMkLst>
        </pc:spChg>
        <pc:picChg chg="mod">
          <ac:chgData name="Rosmorduc Vinca" userId="ad80fc01-cf55-4376-a825-a887c8046f05" providerId="ADAL" clId="{31B8F73C-C25D-4C24-BE28-8CFDC8CFE5F2}" dt="2019-10-04T07:43:03.867" v="474" actId="1076"/>
          <ac:picMkLst>
            <pc:docMk/>
            <pc:sldMk cId="0" sldId="309"/>
            <ac:picMk id="15364" creationId="{00000000-0000-0000-0000-000000000000}"/>
          </ac:picMkLst>
        </pc:picChg>
      </pc:sldChg>
      <pc:sldChg chg="modSp">
        <pc:chgData name="Rosmorduc Vinca" userId="ad80fc01-cf55-4376-a825-a887c8046f05" providerId="ADAL" clId="{31B8F73C-C25D-4C24-BE28-8CFDC8CFE5F2}" dt="2019-10-04T07:54:17.653" v="1056" actId="20577"/>
        <pc:sldMkLst>
          <pc:docMk/>
          <pc:sldMk cId="0" sldId="310"/>
        </pc:sldMkLst>
        <pc:spChg chg="mod">
          <ac:chgData name="Rosmorduc Vinca" userId="ad80fc01-cf55-4376-a825-a887c8046f05" providerId="ADAL" clId="{31B8F73C-C25D-4C24-BE28-8CFDC8CFE5F2}" dt="2019-10-04T07:45:38.311" v="612" actId="1076"/>
          <ac:spMkLst>
            <pc:docMk/>
            <pc:sldMk cId="0" sldId="310"/>
            <ac:spMk id="2" creationId="{A00630CC-338C-4758-A6C6-2147C7B3CB89}"/>
          </ac:spMkLst>
        </pc:spChg>
        <pc:spChg chg="mod">
          <ac:chgData name="Rosmorduc Vinca" userId="ad80fc01-cf55-4376-a825-a887c8046f05" providerId="ADAL" clId="{31B8F73C-C25D-4C24-BE28-8CFDC8CFE5F2}" dt="2019-10-04T07:54:17.653" v="1056" actId="20577"/>
          <ac:spMkLst>
            <pc:docMk/>
            <pc:sldMk cId="0" sldId="310"/>
            <ac:spMk id="16387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46:31.402" v="634" actId="20577"/>
        <pc:sldMkLst>
          <pc:docMk/>
          <pc:sldMk cId="0" sldId="312"/>
        </pc:sldMkLst>
        <pc:spChg chg="mod">
          <ac:chgData name="Rosmorduc Vinca" userId="ad80fc01-cf55-4376-a825-a887c8046f05" providerId="ADAL" clId="{31B8F73C-C25D-4C24-BE28-8CFDC8CFE5F2}" dt="2019-10-04T07:46:31.402" v="634" actId="20577"/>
          <ac:spMkLst>
            <pc:docMk/>
            <pc:sldMk cId="0" sldId="312"/>
            <ac:spMk id="17412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54:12.012" v="1054" actId="20577"/>
        <pc:sldMkLst>
          <pc:docMk/>
          <pc:sldMk cId="0" sldId="318"/>
        </pc:sldMkLst>
        <pc:spChg chg="mod">
          <ac:chgData name="Rosmorduc Vinca" userId="ad80fc01-cf55-4376-a825-a887c8046f05" providerId="ADAL" clId="{31B8F73C-C25D-4C24-BE28-8CFDC8CFE5F2}" dt="2019-10-04T07:54:12.012" v="1054" actId="20577"/>
          <ac:spMkLst>
            <pc:docMk/>
            <pc:sldMk cId="0" sldId="318"/>
            <ac:spMk id="18435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48:23.270" v="718" actId="20577"/>
        <pc:sldMkLst>
          <pc:docMk/>
          <pc:sldMk cId="0" sldId="324"/>
        </pc:sldMkLst>
        <pc:spChg chg="mod">
          <ac:chgData name="Rosmorduc Vinca" userId="ad80fc01-cf55-4376-a825-a887c8046f05" providerId="ADAL" clId="{31B8F73C-C25D-4C24-BE28-8CFDC8CFE5F2}" dt="2019-10-04T07:48:23.270" v="718" actId="20577"/>
          <ac:spMkLst>
            <pc:docMk/>
            <pc:sldMk cId="0" sldId="324"/>
            <ac:spMk id="19459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50:27.641" v="795" actId="20577"/>
        <pc:sldMkLst>
          <pc:docMk/>
          <pc:sldMk cId="0" sldId="327"/>
        </pc:sldMkLst>
        <pc:spChg chg="mod">
          <ac:chgData name="Rosmorduc Vinca" userId="ad80fc01-cf55-4376-a825-a887c8046f05" providerId="ADAL" clId="{31B8F73C-C25D-4C24-BE28-8CFDC8CFE5F2}" dt="2019-10-04T07:50:27.641" v="795" actId="20577"/>
          <ac:spMkLst>
            <pc:docMk/>
            <pc:sldMk cId="0" sldId="327"/>
            <ac:spMk id="2" creationId="{4AFFE773-5E3C-4D59-9F24-D71030E91D1A}"/>
          </ac:spMkLst>
        </pc:spChg>
        <pc:spChg chg="mod">
          <ac:chgData name="Rosmorduc Vinca" userId="ad80fc01-cf55-4376-a825-a887c8046f05" providerId="ADAL" clId="{31B8F73C-C25D-4C24-BE28-8CFDC8CFE5F2}" dt="2019-10-04T07:50:16.220" v="775" actId="20577"/>
          <ac:spMkLst>
            <pc:docMk/>
            <pc:sldMk cId="0" sldId="327"/>
            <ac:spMk id="20483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51:44.781" v="828"/>
        <pc:sldMkLst>
          <pc:docMk/>
          <pc:sldMk cId="0" sldId="328"/>
        </pc:sldMkLst>
        <pc:spChg chg="mod">
          <ac:chgData name="Rosmorduc Vinca" userId="ad80fc01-cf55-4376-a825-a887c8046f05" providerId="ADAL" clId="{31B8F73C-C25D-4C24-BE28-8CFDC8CFE5F2}" dt="2019-10-04T07:51:44.781" v="828"/>
          <ac:spMkLst>
            <pc:docMk/>
            <pc:sldMk cId="0" sldId="328"/>
            <ac:spMk id="21507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54:01.075" v="1052" actId="20577"/>
        <pc:sldMkLst>
          <pc:docMk/>
          <pc:sldMk cId="0" sldId="329"/>
        </pc:sldMkLst>
        <pc:spChg chg="mod">
          <ac:chgData name="Rosmorduc Vinca" userId="ad80fc01-cf55-4376-a825-a887c8046f05" providerId="ADAL" clId="{31B8F73C-C25D-4C24-BE28-8CFDC8CFE5F2}" dt="2019-10-04T07:54:01.075" v="1052" actId="20577"/>
          <ac:spMkLst>
            <pc:docMk/>
            <pc:sldMk cId="0" sldId="329"/>
            <ac:spMk id="22531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55:04.432" v="1060" actId="20577"/>
        <pc:sldMkLst>
          <pc:docMk/>
          <pc:sldMk cId="0" sldId="330"/>
        </pc:sldMkLst>
        <pc:spChg chg="mod">
          <ac:chgData name="Rosmorduc Vinca" userId="ad80fc01-cf55-4376-a825-a887c8046f05" providerId="ADAL" clId="{31B8F73C-C25D-4C24-BE28-8CFDC8CFE5F2}" dt="2019-10-04T07:55:04.432" v="1060" actId="20577"/>
          <ac:spMkLst>
            <pc:docMk/>
            <pc:sldMk cId="0" sldId="330"/>
            <ac:spMk id="23555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55:38.774" v="1140" actId="20577"/>
        <pc:sldMkLst>
          <pc:docMk/>
          <pc:sldMk cId="0" sldId="331"/>
        </pc:sldMkLst>
        <pc:spChg chg="mod">
          <ac:chgData name="Rosmorduc Vinca" userId="ad80fc01-cf55-4376-a825-a887c8046f05" providerId="ADAL" clId="{31B8F73C-C25D-4C24-BE28-8CFDC8CFE5F2}" dt="2019-10-04T07:55:38.774" v="1140" actId="20577"/>
          <ac:spMkLst>
            <pc:docMk/>
            <pc:sldMk cId="0" sldId="331"/>
            <ac:spMk id="24579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57:47.580" v="1363" actId="20577"/>
        <pc:sldMkLst>
          <pc:docMk/>
          <pc:sldMk cId="0" sldId="332"/>
        </pc:sldMkLst>
        <pc:spChg chg="mod">
          <ac:chgData name="Rosmorduc Vinca" userId="ad80fc01-cf55-4376-a825-a887c8046f05" providerId="ADAL" clId="{31B8F73C-C25D-4C24-BE28-8CFDC8CFE5F2}" dt="2019-10-04T07:57:47.580" v="1363" actId="20577"/>
          <ac:spMkLst>
            <pc:docMk/>
            <pc:sldMk cId="0" sldId="332"/>
            <ac:spMk id="26627" creationId="{00000000-0000-0000-0000-000000000000}"/>
          </ac:spMkLst>
        </pc:spChg>
        <pc:picChg chg="mod">
          <ac:chgData name="Rosmorduc Vinca" userId="ad80fc01-cf55-4376-a825-a887c8046f05" providerId="ADAL" clId="{31B8F73C-C25D-4C24-BE28-8CFDC8CFE5F2}" dt="2019-10-04T07:57:11.441" v="1310" actId="1076"/>
          <ac:picMkLst>
            <pc:docMk/>
            <pc:sldMk cId="0" sldId="332"/>
            <ac:picMk id="26628" creationId="{00000000-0000-0000-0000-000000000000}"/>
          </ac:picMkLst>
        </pc:picChg>
      </pc:sldChg>
      <pc:sldChg chg="modSp">
        <pc:chgData name="Rosmorduc Vinca" userId="ad80fc01-cf55-4376-a825-a887c8046f05" providerId="ADAL" clId="{31B8F73C-C25D-4C24-BE28-8CFDC8CFE5F2}" dt="2019-10-04T07:56:27.803" v="1211" actId="20577"/>
        <pc:sldMkLst>
          <pc:docMk/>
          <pc:sldMk cId="0" sldId="334"/>
        </pc:sldMkLst>
        <pc:spChg chg="mod">
          <ac:chgData name="Rosmorduc Vinca" userId="ad80fc01-cf55-4376-a825-a887c8046f05" providerId="ADAL" clId="{31B8F73C-C25D-4C24-BE28-8CFDC8CFE5F2}" dt="2019-10-04T07:56:27.803" v="1211" actId="20577"/>
          <ac:spMkLst>
            <pc:docMk/>
            <pc:sldMk cId="0" sldId="334"/>
            <ac:spMk id="25604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30:17.241" v="25" actId="20577"/>
        <pc:sldMkLst>
          <pc:docMk/>
          <pc:sldMk cId="0" sldId="343"/>
        </pc:sldMkLst>
        <pc:spChg chg="mod">
          <ac:chgData name="Rosmorduc Vinca" userId="ad80fc01-cf55-4376-a825-a887c8046f05" providerId="ADAL" clId="{31B8F73C-C25D-4C24-BE28-8CFDC8CFE5F2}" dt="2019-10-04T07:30:17.241" v="25" actId="20577"/>
          <ac:spMkLst>
            <pc:docMk/>
            <pc:sldMk cId="0" sldId="343"/>
            <ac:spMk id="6146" creationId="{00000000-0000-0000-0000-000000000000}"/>
          </ac:spMkLst>
        </pc:spChg>
      </pc:sldChg>
      <pc:sldChg chg="modSp">
        <pc:chgData name="Rosmorduc Vinca" userId="ad80fc01-cf55-4376-a825-a887c8046f05" providerId="ADAL" clId="{31B8F73C-C25D-4C24-BE28-8CFDC8CFE5F2}" dt="2019-10-04T07:30:54.879" v="71" actId="20577"/>
        <pc:sldMkLst>
          <pc:docMk/>
          <pc:sldMk cId="0" sldId="346"/>
        </pc:sldMkLst>
        <pc:spChg chg="mod">
          <ac:chgData name="Rosmorduc Vinca" userId="ad80fc01-cf55-4376-a825-a887c8046f05" providerId="ADAL" clId="{31B8F73C-C25D-4C24-BE28-8CFDC8CFE5F2}" dt="2019-10-04T07:30:38.068" v="56" actId="1076"/>
          <ac:spMkLst>
            <pc:docMk/>
            <pc:sldMk cId="0" sldId="346"/>
            <ac:spMk id="198" creationId="{00000000-0000-0000-0000-000000000000}"/>
          </ac:spMkLst>
        </pc:spChg>
        <pc:spChg chg="mod">
          <ac:chgData name="Rosmorduc Vinca" userId="ad80fc01-cf55-4376-a825-a887c8046f05" providerId="ADAL" clId="{31B8F73C-C25D-4C24-BE28-8CFDC8CFE5F2}" dt="2019-10-04T07:30:54.879" v="71" actId="20577"/>
          <ac:spMkLst>
            <pc:docMk/>
            <pc:sldMk cId="0" sldId="346"/>
            <ac:spMk id="797" creationId="{E0A95897-4684-4571-8940-2422783C31C2}"/>
          </ac:spMkLst>
        </pc:spChg>
      </pc:sldChg>
      <pc:sldChg chg="modSp">
        <pc:chgData name="Rosmorduc Vinca" userId="ad80fc01-cf55-4376-a825-a887c8046f05" providerId="ADAL" clId="{31B8F73C-C25D-4C24-BE28-8CFDC8CFE5F2}" dt="2019-10-04T07:58:04.580" v="1383" actId="20577"/>
        <pc:sldMkLst>
          <pc:docMk/>
          <pc:sldMk cId="3776507324" sldId="350"/>
        </pc:sldMkLst>
        <pc:spChg chg="mod">
          <ac:chgData name="Rosmorduc Vinca" userId="ad80fc01-cf55-4376-a825-a887c8046f05" providerId="ADAL" clId="{31B8F73C-C25D-4C24-BE28-8CFDC8CFE5F2}" dt="2019-10-04T07:58:04.580" v="1383" actId="20577"/>
          <ac:spMkLst>
            <pc:docMk/>
            <pc:sldMk cId="3776507324" sldId="350"/>
            <ac:spMk id="2" creationId="{26B94267-A045-4544-96DD-CE15453B9525}"/>
          </ac:spMkLst>
        </pc:spChg>
      </pc:sldChg>
    </pc:docChg>
  </pc:docChgLst>
  <pc:docChgLst>
    <pc:chgData name="Rosmorduc Vinca" userId="ad80fc01-cf55-4376-a825-a887c8046f05" providerId="ADAL" clId="{A6BF66F7-B707-4A56-BCDE-FE20D24DE2AD}"/>
    <pc:docChg chg="custSel delSld modSld">
      <pc:chgData name="Rosmorduc Vinca" userId="ad80fc01-cf55-4376-a825-a887c8046f05" providerId="ADAL" clId="{A6BF66F7-B707-4A56-BCDE-FE20D24DE2AD}" dt="2019-08-20T13:59:45.934" v="388" actId="20577"/>
      <pc:docMkLst>
        <pc:docMk/>
      </pc:docMkLst>
      <pc:sldChg chg="modSp">
        <pc:chgData name="Rosmorduc Vinca" userId="ad80fc01-cf55-4376-a825-a887c8046f05" providerId="ADAL" clId="{A6BF66F7-B707-4A56-BCDE-FE20D24DE2AD}" dt="2019-08-20T13:57:25.500" v="343" actId="20577"/>
        <pc:sldMkLst>
          <pc:docMk/>
          <pc:sldMk cId="0" sldId="285"/>
        </pc:sldMkLst>
        <pc:spChg chg="mod">
          <ac:chgData name="Rosmorduc Vinca" userId="ad80fc01-cf55-4376-a825-a887c8046f05" providerId="ADAL" clId="{A6BF66F7-B707-4A56-BCDE-FE20D24DE2AD}" dt="2019-08-20T13:57:25.500" v="343" actId="20577"/>
          <ac:spMkLst>
            <pc:docMk/>
            <pc:sldMk cId="0" sldId="285"/>
            <ac:spMk id="12291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20T13:57:36.604" v="347" actId="6549"/>
        <pc:sldMkLst>
          <pc:docMk/>
          <pc:sldMk cId="0" sldId="306"/>
        </pc:sldMkLst>
        <pc:spChg chg="mod">
          <ac:chgData name="Rosmorduc Vinca" userId="ad80fc01-cf55-4376-a825-a887c8046f05" providerId="ADAL" clId="{A6BF66F7-B707-4A56-BCDE-FE20D24DE2AD}" dt="2019-08-20T13:57:36.604" v="347" actId="6549"/>
          <ac:spMkLst>
            <pc:docMk/>
            <pc:sldMk cId="0" sldId="306"/>
            <ac:spMk id="2" creationId="{4BFA7ACC-D4CB-4DD4-8FE0-374732EB83B7}"/>
          </ac:spMkLst>
        </pc:spChg>
      </pc:sldChg>
      <pc:sldChg chg="modSp">
        <pc:chgData name="Rosmorduc Vinca" userId="ad80fc01-cf55-4376-a825-a887c8046f05" providerId="ADAL" clId="{A6BF66F7-B707-4A56-BCDE-FE20D24DE2AD}" dt="2019-08-06T13:48:31.606" v="251" actId="20577"/>
        <pc:sldMkLst>
          <pc:docMk/>
          <pc:sldMk cId="0" sldId="307"/>
        </pc:sldMkLst>
        <pc:spChg chg="mod">
          <ac:chgData name="Rosmorduc Vinca" userId="ad80fc01-cf55-4376-a825-a887c8046f05" providerId="ADAL" clId="{A6BF66F7-B707-4A56-BCDE-FE20D24DE2AD}" dt="2019-08-06T13:48:31.606" v="251" actId="20577"/>
          <ac:spMkLst>
            <pc:docMk/>
            <pc:sldMk cId="0" sldId="307"/>
            <ac:spMk id="13315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06T13:48:25.419" v="243" actId="6549"/>
        <pc:sldMkLst>
          <pc:docMk/>
          <pc:sldMk cId="0" sldId="308"/>
        </pc:sldMkLst>
        <pc:spChg chg="mod">
          <ac:chgData name="Rosmorduc Vinca" userId="ad80fc01-cf55-4376-a825-a887c8046f05" providerId="ADAL" clId="{A6BF66F7-B707-4A56-BCDE-FE20D24DE2AD}" dt="2019-08-06T13:48:25.419" v="243" actId="6549"/>
          <ac:spMkLst>
            <pc:docMk/>
            <pc:sldMk cId="0" sldId="308"/>
            <ac:spMk id="14339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20T13:57:48.523" v="348"/>
        <pc:sldMkLst>
          <pc:docMk/>
          <pc:sldMk cId="0" sldId="309"/>
        </pc:sldMkLst>
        <pc:spChg chg="mod">
          <ac:chgData name="Rosmorduc Vinca" userId="ad80fc01-cf55-4376-a825-a887c8046f05" providerId="ADAL" clId="{A6BF66F7-B707-4A56-BCDE-FE20D24DE2AD}" dt="2019-08-20T13:57:48.523" v="348"/>
          <ac:spMkLst>
            <pc:docMk/>
            <pc:sldMk cId="0" sldId="309"/>
            <ac:spMk id="15363" creationId="{00000000-0000-0000-0000-000000000000}"/>
          </ac:spMkLst>
        </pc:spChg>
      </pc:sldChg>
      <pc:sldChg chg="addSp modSp">
        <pc:chgData name="Rosmorduc Vinca" userId="ad80fc01-cf55-4376-a825-a887c8046f05" providerId="ADAL" clId="{A6BF66F7-B707-4A56-BCDE-FE20D24DE2AD}" dt="2019-08-06T13:48:08.607" v="221" actId="6549"/>
        <pc:sldMkLst>
          <pc:docMk/>
          <pc:sldMk cId="0" sldId="310"/>
        </pc:sldMkLst>
        <pc:spChg chg="add mod">
          <ac:chgData name="Rosmorduc Vinca" userId="ad80fc01-cf55-4376-a825-a887c8046f05" providerId="ADAL" clId="{A6BF66F7-B707-4A56-BCDE-FE20D24DE2AD}" dt="2019-08-06T13:46:04.295" v="124" actId="113"/>
          <ac:spMkLst>
            <pc:docMk/>
            <pc:sldMk cId="0" sldId="310"/>
            <ac:spMk id="2" creationId="{A00630CC-338C-4758-A6C6-2147C7B3CB89}"/>
          </ac:spMkLst>
        </pc:spChg>
        <pc:spChg chg="mod">
          <ac:chgData name="Rosmorduc Vinca" userId="ad80fc01-cf55-4376-a825-a887c8046f05" providerId="ADAL" clId="{A6BF66F7-B707-4A56-BCDE-FE20D24DE2AD}" dt="2019-08-06T13:48:08.607" v="221" actId="6549"/>
          <ac:spMkLst>
            <pc:docMk/>
            <pc:sldMk cId="0" sldId="310"/>
            <ac:spMk id="16387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06T13:48:00.420" v="209" actId="20577"/>
        <pc:sldMkLst>
          <pc:docMk/>
          <pc:sldMk cId="0" sldId="312"/>
        </pc:sldMkLst>
        <pc:spChg chg="mod">
          <ac:chgData name="Rosmorduc Vinca" userId="ad80fc01-cf55-4376-a825-a887c8046f05" providerId="ADAL" clId="{A6BF66F7-B707-4A56-BCDE-FE20D24DE2AD}" dt="2019-08-06T13:48:00.420" v="209" actId="20577"/>
          <ac:spMkLst>
            <pc:docMk/>
            <pc:sldMk cId="0" sldId="312"/>
            <ac:spMk id="17412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06T13:47:55.295" v="206"/>
        <pc:sldMkLst>
          <pc:docMk/>
          <pc:sldMk cId="0" sldId="318"/>
        </pc:sldMkLst>
        <pc:spChg chg="mod">
          <ac:chgData name="Rosmorduc Vinca" userId="ad80fc01-cf55-4376-a825-a887c8046f05" providerId="ADAL" clId="{A6BF66F7-B707-4A56-BCDE-FE20D24DE2AD}" dt="2019-08-06T13:47:55.295" v="206"/>
          <ac:spMkLst>
            <pc:docMk/>
            <pc:sldMk cId="0" sldId="318"/>
            <ac:spMk id="18435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06T13:47:23.282" v="178" actId="6549"/>
        <pc:sldMkLst>
          <pc:docMk/>
          <pc:sldMk cId="0" sldId="324"/>
        </pc:sldMkLst>
        <pc:spChg chg="mod">
          <ac:chgData name="Rosmorduc Vinca" userId="ad80fc01-cf55-4376-a825-a887c8046f05" providerId="ADAL" clId="{A6BF66F7-B707-4A56-BCDE-FE20D24DE2AD}" dt="2019-08-06T13:47:23.282" v="178" actId="6549"/>
          <ac:spMkLst>
            <pc:docMk/>
            <pc:sldMk cId="0" sldId="324"/>
            <ac:spMk id="19459" creationId="{00000000-0000-0000-0000-000000000000}"/>
          </ac:spMkLst>
        </pc:spChg>
      </pc:sldChg>
      <pc:sldChg chg="addSp modSp">
        <pc:chgData name="Rosmorduc Vinca" userId="ad80fc01-cf55-4376-a825-a887c8046f05" providerId="ADAL" clId="{A6BF66F7-B707-4A56-BCDE-FE20D24DE2AD}" dt="2019-08-06T13:46:34.513" v="148" actId="1076"/>
        <pc:sldMkLst>
          <pc:docMk/>
          <pc:sldMk cId="0" sldId="327"/>
        </pc:sldMkLst>
        <pc:spChg chg="add mod">
          <ac:chgData name="Rosmorduc Vinca" userId="ad80fc01-cf55-4376-a825-a887c8046f05" providerId="ADAL" clId="{A6BF66F7-B707-4A56-BCDE-FE20D24DE2AD}" dt="2019-08-06T13:46:34.513" v="148" actId="1076"/>
          <ac:spMkLst>
            <pc:docMk/>
            <pc:sldMk cId="0" sldId="327"/>
            <ac:spMk id="2" creationId="{4AFFE773-5E3C-4D59-9F24-D71030E91D1A}"/>
          </ac:spMkLst>
        </pc:spChg>
      </pc:sldChg>
      <pc:sldChg chg="modSp">
        <pc:chgData name="Rosmorduc Vinca" userId="ad80fc01-cf55-4376-a825-a887c8046f05" providerId="ADAL" clId="{A6BF66F7-B707-4A56-BCDE-FE20D24DE2AD}" dt="2019-08-20T13:58:29.547" v="351" actId="1076"/>
        <pc:sldMkLst>
          <pc:docMk/>
          <pc:sldMk cId="0" sldId="328"/>
        </pc:sldMkLst>
        <pc:spChg chg="mod">
          <ac:chgData name="Rosmorduc Vinca" userId="ad80fc01-cf55-4376-a825-a887c8046f05" providerId="ADAL" clId="{A6BF66F7-B707-4A56-BCDE-FE20D24DE2AD}" dt="2019-08-20T13:58:29.547" v="351" actId="1076"/>
          <ac:spMkLst>
            <pc:docMk/>
            <pc:sldMk cId="0" sldId="328"/>
            <ac:spMk id="21507" creationId="{00000000-0000-0000-0000-000000000000}"/>
          </ac:spMkLst>
        </pc:spChg>
        <pc:picChg chg="mod">
          <ac:chgData name="Rosmorduc Vinca" userId="ad80fc01-cf55-4376-a825-a887c8046f05" providerId="ADAL" clId="{A6BF66F7-B707-4A56-BCDE-FE20D24DE2AD}" dt="2019-08-20T13:58:26.315" v="350" actId="14100"/>
          <ac:picMkLst>
            <pc:docMk/>
            <pc:sldMk cId="0" sldId="328"/>
            <ac:picMk id="21508" creationId="{00000000-0000-0000-0000-000000000000}"/>
          </ac:picMkLst>
        </pc:picChg>
      </pc:sldChg>
      <pc:sldChg chg="modSp">
        <pc:chgData name="Rosmorduc Vinca" userId="ad80fc01-cf55-4376-a825-a887c8046f05" providerId="ADAL" clId="{A6BF66F7-B707-4A56-BCDE-FE20D24DE2AD}" dt="2019-08-20T13:58:38.403" v="352" actId="14100"/>
        <pc:sldMkLst>
          <pc:docMk/>
          <pc:sldMk cId="0" sldId="329"/>
        </pc:sldMkLst>
        <pc:spChg chg="mod">
          <ac:chgData name="Rosmorduc Vinca" userId="ad80fc01-cf55-4376-a825-a887c8046f05" providerId="ADAL" clId="{A6BF66F7-B707-4A56-BCDE-FE20D24DE2AD}" dt="2019-08-20T13:58:38.403" v="352" actId="14100"/>
          <ac:spMkLst>
            <pc:docMk/>
            <pc:sldMk cId="0" sldId="329"/>
            <ac:spMk id="22531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20T13:58:52.780" v="354" actId="1076"/>
        <pc:sldMkLst>
          <pc:docMk/>
          <pc:sldMk cId="0" sldId="330"/>
        </pc:sldMkLst>
        <pc:spChg chg="mod">
          <ac:chgData name="Rosmorduc Vinca" userId="ad80fc01-cf55-4376-a825-a887c8046f05" providerId="ADAL" clId="{A6BF66F7-B707-4A56-BCDE-FE20D24DE2AD}" dt="2019-08-20T13:58:49.836" v="353" actId="1076"/>
          <ac:spMkLst>
            <pc:docMk/>
            <pc:sldMk cId="0" sldId="330"/>
            <ac:spMk id="23555" creationId="{00000000-0000-0000-0000-000000000000}"/>
          </ac:spMkLst>
        </pc:spChg>
        <pc:picChg chg="mod">
          <ac:chgData name="Rosmorduc Vinca" userId="ad80fc01-cf55-4376-a825-a887c8046f05" providerId="ADAL" clId="{A6BF66F7-B707-4A56-BCDE-FE20D24DE2AD}" dt="2019-08-20T13:58:52.780" v="354" actId="1076"/>
          <ac:picMkLst>
            <pc:docMk/>
            <pc:sldMk cId="0" sldId="330"/>
            <ac:picMk id="23556" creationId="{00000000-0000-0000-0000-000000000000}"/>
          </ac:picMkLst>
        </pc:picChg>
      </pc:sldChg>
      <pc:sldChg chg="addSp modSp modTransition">
        <pc:chgData name="Rosmorduc Vinca" userId="ad80fc01-cf55-4376-a825-a887c8046f05" providerId="ADAL" clId="{A6BF66F7-B707-4A56-BCDE-FE20D24DE2AD}" dt="2019-08-20T13:59:11.423" v="365" actId="6549"/>
        <pc:sldMkLst>
          <pc:docMk/>
          <pc:sldMk cId="0" sldId="331"/>
        </pc:sldMkLst>
        <pc:spChg chg="add mod">
          <ac:chgData name="Rosmorduc Vinca" userId="ad80fc01-cf55-4376-a825-a887c8046f05" providerId="ADAL" clId="{A6BF66F7-B707-4A56-BCDE-FE20D24DE2AD}" dt="2019-08-20T13:59:11.423" v="365" actId="6549"/>
          <ac:spMkLst>
            <pc:docMk/>
            <pc:sldMk cId="0" sldId="331"/>
            <ac:spMk id="2" creationId="{35EDD01F-1030-4927-91FD-5849C43EACFC}"/>
          </ac:spMkLst>
        </pc:spChg>
        <pc:spChg chg="mod">
          <ac:chgData name="Rosmorduc Vinca" userId="ad80fc01-cf55-4376-a825-a887c8046f05" providerId="ADAL" clId="{A6BF66F7-B707-4A56-BCDE-FE20D24DE2AD}" dt="2019-08-20T13:58:58.516" v="355" actId="1076"/>
          <ac:spMkLst>
            <pc:docMk/>
            <pc:sldMk cId="0" sldId="331"/>
            <ac:spMk id="24579" creationId="{00000000-0000-0000-0000-000000000000}"/>
          </ac:spMkLst>
        </pc:spChg>
      </pc:sldChg>
      <pc:sldChg chg="modSp">
        <pc:chgData name="Rosmorduc Vinca" userId="ad80fc01-cf55-4376-a825-a887c8046f05" providerId="ADAL" clId="{A6BF66F7-B707-4A56-BCDE-FE20D24DE2AD}" dt="2019-08-20T13:59:45.934" v="388" actId="20577"/>
        <pc:sldMkLst>
          <pc:docMk/>
          <pc:sldMk cId="0" sldId="332"/>
        </pc:sldMkLst>
        <pc:spChg chg="mod">
          <ac:chgData name="Rosmorduc Vinca" userId="ad80fc01-cf55-4376-a825-a887c8046f05" providerId="ADAL" clId="{A6BF66F7-B707-4A56-BCDE-FE20D24DE2AD}" dt="2019-08-20T13:59:45.934" v="388" actId="20577"/>
          <ac:spMkLst>
            <pc:docMk/>
            <pc:sldMk cId="0" sldId="332"/>
            <ac:spMk id="26627" creationId="{00000000-0000-0000-0000-000000000000}"/>
          </ac:spMkLst>
        </pc:spChg>
        <pc:picChg chg="mod">
          <ac:chgData name="Rosmorduc Vinca" userId="ad80fc01-cf55-4376-a825-a887c8046f05" providerId="ADAL" clId="{A6BF66F7-B707-4A56-BCDE-FE20D24DE2AD}" dt="2019-08-20T13:53:14.941" v="300" actId="1076"/>
          <ac:picMkLst>
            <pc:docMk/>
            <pc:sldMk cId="0" sldId="332"/>
            <ac:picMk id="26628" creationId="{00000000-0000-0000-0000-000000000000}"/>
          </ac:picMkLst>
        </pc:picChg>
      </pc:sldChg>
      <pc:sldChg chg="modSp">
        <pc:chgData name="Rosmorduc Vinca" userId="ad80fc01-cf55-4376-a825-a887c8046f05" providerId="ADAL" clId="{A6BF66F7-B707-4A56-BCDE-FE20D24DE2AD}" dt="2019-08-20T13:59:22.716" v="366" actId="14100"/>
        <pc:sldMkLst>
          <pc:docMk/>
          <pc:sldMk cId="0" sldId="334"/>
        </pc:sldMkLst>
        <pc:spChg chg="mod">
          <ac:chgData name="Rosmorduc Vinca" userId="ad80fc01-cf55-4376-a825-a887c8046f05" providerId="ADAL" clId="{A6BF66F7-B707-4A56-BCDE-FE20D24DE2AD}" dt="2019-08-20T13:59:22.716" v="366" actId="14100"/>
          <ac:spMkLst>
            <pc:docMk/>
            <pc:sldMk cId="0" sldId="334"/>
            <ac:spMk id="25604" creationId="{00000000-0000-0000-0000-000000000000}"/>
          </ac:spMkLst>
        </pc:spChg>
      </pc:sldChg>
      <pc:sldChg chg="delSp modSp">
        <pc:chgData name="Rosmorduc Vinca" userId="ad80fc01-cf55-4376-a825-a887c8046f05" providerId="ADAL" clId="{A6BF66F7-B707-4A56-BCDE-FE20D24DE2AD}" dt="2019-08-20T13:56:44.219" v="329" actId="20577"/>
        <pc:sldMkLst>
          <pc:docMk/>
          <pc:sldMk cId="0" sldId="346"/>
        </pc:sldMkLst>
        <pc:spChg chg="del">
          <ac:chgData name="Rosmorduc Vinca" userId="ad80fc01-cf55-4376-a825-a887c8046f05" providerId="ADAL" clId="{A6BF66F7-B707-4A56-BCDE-FE20D24DE2AD}" dt="2019-08-20T13:56:07.305" v="321" actId="478"/>
          <ac:spMkLst>
            <pc:docMk/>
            <pc:sldMk cId="0" sldId="346"/>
            <ac:spMk id="2" creationId="{00000000-0000-0000-0000-000000000000}"/>
          </ac:spMkLst>
        </pc:spChg>
        <pc:spChg chg="mod">
          <ac:chgData name="Rosmorduc Vinca" userId="ad80fc01-cf55-4376-a825-a887c8046f05" providerId="ADAL" clId="{A6BF66F7-B707-4A56-BCDE-FE20D24DE2AD}" dt="2019-08-20T13:56:25.537" v="323" actId="14100"/>
          <ac:spMkLst>
            <pc:docMk/>
            <pc:sldMk cId="0" sldId="346"/>
            <ac:spMk id="795" creationId="{8D805275-E8F7-4CB0-A5C4-4F2412F0229C}"/>
          </ac:spMkLst>
        </pc:spChg>
        <pc:spChg chg="mod">
          <ac:chgData name="Rosmorduc Vinca" userId="ad80fc01-cf55-4376-a825-a887c8046f05" providerId="ADAL" clId="{A6BF66F7-B707-4A56-BCDE-FE20D24DE2AD}" dt="2019-08-20T13:56:41.434" v="324" actId="1076"/>
          <ac:spMkLst>
            <pc:docMk/>
            <pc:sldMk cId="0" sldId="346"/>
            <ac:spMk id="796" creationId="{963BDD35-3937-4250-A0F4-EA98CD58F773}"/>
          </ac:spMkLst>
        </pc:spChg>
        <pc:spChg chg="mod">
          <ac:chgData name="Rosmorduc Vinca" userId="ad80fc01-cf55-4376-a825-a887c8046f05" providerId="ADAL" clId="{A6BF66F7-B707-4A56-BCDE-FE20D24DE2AD}" dt="2019-08-20T13:56:44.219" v="329" actId="20577"/>
          <ac:spMkLst>
            <pc:docMk/>
            <pc:sldMk cId="0" sldId="346"/>
            <ac:spMk id="797" creationId="{E0A95897-4684-4571-8940-2422783C31C2}"/>
          </ac:spMkLst>
        </pc:spChg>
      </pc:sldChg>
      <pc:sldChg chg="del">
        <pc:chgData name="Rosmorduc Vinca" userId="ad80fc01-cf55-4376-a825-a887c8046f05" providerId="ADAL" clId="{A6BF66F7-B707-4A56-BCDE-FE20D24DE2AD}" dt="2019-08-20T13:52:43.108" v="294" actId="2696"/>
        <pc:sldMkLst>
          <pc:docMk/>
          <pc:sldMk cId="1641719358" sldId="347"/>
        </pc:sldMkLst>
      </pc:sldChg>
      <pc:sldChg chg="del">
        <pc:chgData name="Rosmorduc Vinca" userId="ad80fc01-cf55-4376-a825-a887c8046f05" providerId="ADAL" clId="{A6BF66F7-B707-4A56-BCDE-FE20D24DE2AD}" dt="2019-08-20T13:52:44.731" v="295" actId="2696"/>
        <pc:sldMkLst>
          <pc:docMk/>
          <pc:sldMk cId="2318944566" sldId="349"/>
        </pc:sldMkLst>
      </pc:sldChg>
      <pc:sldChg chg="delSp">
        <pc:chgData name="Rosmorduc Vinca" userId="ad80fc01-cf55-4376-a825-a887c8046f05" providerId="ADAL" clId="{A6BF66F7-B707-4A56-BCDE-FE20D24DE2AD}" dt="2019-08-20T13:55:10.751" v="320" actId="478"/>
        <pc:sldMkLst>
          <pc:docMk/>
          <pc:sldMk cId="3776507324" sldId="350"/>
        </pc:sldMkLst>
        <pc:spChg chg="del">
          <ac:chgData name="Rosmorduc Vinca" userId="ad80fc01-cf55-4376-a825-a887c8046f05" providerId="ADAL" clId="{A6BF66F7-B707-4A56-BCDE-FE20D24DE2AD}" dt="2019-08-20T13:55:08.678" v="319" actId="478"/>
          <ac:spMkLst>
            <pc:docMk/>
            <pc:sldMk cId="3776507324" sldId="350"/>
            <ac:spMk id="4" creationId="{9D26AF22-9960-464C-9B2B-B678F53671B3}"/>
          </ac:spMkLst>
        </pc:spChg>
        <pc:spChg chg="del">
          <ac:chgData name="Rosmorduc Vinca" userId="ad80fc01-cf55-4376-a825-a887c8046f05" providerId="ADAL" clId="{A6BF66F7-B707-4A56-BCDE-FE20D24DE2AD}" dt="2019-08-20T13:55:10.751" v="320" actId="478"/>
          <ac:spMkLst>
            <pc:docMk/>
            <pc:sldMk cId="3776507324" sldId="350"/>
            <ac:spMk id="5" creationId="{68A48CD9-14B9-432A-81F3-3DAA816E74B9}"/>
          </ac:spMkLst>
        </pc:spChg>
      </pc:sldChg>
    </pc:docChg>
  </pc:docChgLst>
  <pc:docChgLst>
    <pc:chgData name="Rosmorduc Vinca" userId="ad80fc01-cf55-4376-a825-a887c8046f05" providerId="ADAL" clId="{00F8C842-0407-40CE-8446-34CC19C14A22}"/>
    <pc:docChg chg="custSel addSld modSld modMainMaster">
      <pc:chgData name="Rosmorduc Vinca" userId="ad80fc01-cf55-4376-a825-a887c8046f05" providerId="ADAL" clId="{00F8C842-0407-40CE-8446-34CC19C14A22}" dt="2020-06-05T07:59:40.065" v="830" actId="20577"/>
      <pc:docMkLst>
        <pc:docMk/>
      </pc:docMkLst>
      <pc:sldChg chg="modSp mod">
        <pc:chgData name="Rosmorduc Vinca" userId="ad80fc01-cf55-4376-a825-a887c8046f05" providerId="ADAL" clId="{00F8C842-0407-40CE-8446-34CC19C14A22}" dt="2020-06-05T07:49:56.048" v="327" actId="947"/>
        <pc:sldMkLst>
          <pc:docMk/>
          <pc:sldMk cId="0" sldId="310"/>
        </pc:sldMkLst>
        <pc:spChg chg="mod">
          <ac:chgData name="Rosmorduc Vinca" userId="ad80fc01-cf55-4376-a825-a887c8046f05" providerId="ADAL" clId="{00F8C842-0407-40CE-8446-34CC19C14A22}" dt="2020-06-05T07:49:56.048" v="327" actId="947"/>
          <ac:spMkLst>
            <pc:docMk/>
            <pc:sldMk cId="0" sldId="310"/>
            <ac:spMk id="16387" creationId="{00000000-0000-0000-0000-000000000000}"/>
          </ac:spMkLst>
        </pc:spChg>
      </pc:sldChg>
      <pc:sldChg chg="modSp mod">
        <pc:chgData name="Rosmorduc Vinca" userId="ad80fc01-cf55-4376-a825-a887c8046f05" providerId="ADAL" clId="{00F8C842-0407-40CE-8446-34CC19C14A22}" dt="2020-06-05T07:49:31.956" v="326" actId="20577"/>
        <pc:sldMkLst>
          <pc:docMk/>
          <pc:sldMk cId="0" sldId="318"/>
        </pc:sldMkLst>
        <pc:spChg chg="mod">
          <ac:chgData name="Rosmorduc Vinca" userId="ad80fc01-cf55-4376-a825-a887c8046f05" providerId="ADAL" clId="{00F8C842-0407-40CE-8446-34CC19C14A22}" dt="2020-06-05T07:49:31.956" v="326" actId="20577"/>
          <ac:spMkLst>
            <pc:docMk/>
            <pc:sldMk cId="0" sldId="318"/>
            <ac:spMk id="18435" creationId="{00000000-0000-0000-0000-000000000000}"/>
          </ac:spMkLst>
        </pc:spChg>
      </pc:sldChg>
      <pc:sldChg chg="modSp mod">
        <pc:chgData name="Rosmorduc Vinca" userId="ad80fc01-cf55-4376-a825-a887c8046f05" providerId="ADAL" clId="{00F8C842-0407-40CE-8446-34CC19C14A22}" dt="2020-06-05T07:48:12.752" v="300" actId="20577"/>
        <pc:sldMkLst>
          <pc:docMk/>
          <pc:sldMk cId="0" sldId="332"/>
        </pc:sldMkLst>
        <pc:spChg chg="mod">
          <ac:chgData name="Rosmorduc Vinca" userId="ad80fc01-cf55-4376-a825-a887c8046f05" providerId="ADAL" clId="{00F8C842-0407-40CE-8446-34CC19C14A22}" dt="2020-06-05T07:48:12.752" v="300" actId="20577"/>
          <ac:spMkLst>
            <pc:docMk/>
            <pc:sldMk cId="0" sldId="332"/>
            <ac:spMk id="26627" creationId="{00000000-0000-0000-0000-000000000000}"/>
          </ac:spMkLst>
        </pc:spChg>
      </pc:sldChg>
      <pc:sldChg chg="addSp delSp modSp new mod modClrScheme chgLayout">
        <pc:chgData name="Rosmorduc Vinca" userId="ad80fc01-cf55-4376-a825-a887c8046f05" providerId="ADAL" clId="{00F8C842-0407-40CE-8446-34CC19C14A22}" dt="2020-06-05T07:59:40.065" v="830" actId="20577"/>
        <pc:sldMkLst>
          <pc:docMk/>
          <pc:sldMk cId="4185536091" sldId="352"/>
        </pc:sldMkLst>
        <pc:spChg chg="del mod ord">
          <ac:chgData name="Rosmorduc Vinca" userId="ad80fc01-cf55-4376-a825-a887c8046f05" providerId="ADAL" clId="{00F8C842-0407-40CE-8446-34CC19C14A22}" dt="2020-06-05T07:41:50.300" v="2" actId="700"/>
          <ac:spMkLst>
            <pc:docMk/>
            <pc:sldMk cId="4185536091" sldId="352"/>
            <ac:spMk id="2" creationId="{58D43266-5864-4246-8F65-785159D5E11C}"/>
          </ac:spMkLst>
        </pc:spChg>
        <pc:spChg chg="del mod ord">
          <ac:chgData name="Rosmorduc Vinca" userId="ad80fc01-cf55-4376-a825-a887c8046f05" providerId="ADAL" clId="{00F8C842-0407-40CE-8446-34CC19C14A22}" dt="2020-06-05T07:41:53.376" v="3" actId="478"/>
          <ac:spMkLst>
            <pc:docMk/>
            <pc:sldMk cId="4185536091" sldId="352"/>
            <ac:spMk id="3" creationId="{74590951-63D1-4326-AD08-D60DFCDAC71F}"/>
          </ac:spMkLst>
        </pc:spChg>
        <pc:spChg chg="del">
          <ac:chgData name="Rosmorduc Vinca" userId="ad80fc01-cf55-4376-a825-a887c8046f05" providerId="ADAL" clId="{00F8C842-0407-40CE-8446-34CC19C14A22}" dt="2020-06-05T07:41:39.128" v="1" actId="478"/>
          <ac:spMkLst>
            <pc:docMk/>
            <pc:sldMk cId="4185536091" sldId="352"/>
            <ac:spMk id="4" creationId="{EB4BA0EF-43D4-4092-9216-5FE1352E6315}"/>
          </ac:spMkLst>
        </pc:spChg>
        <pc:spChg chg="add mod ord">
          <ac:chgData name="Rosmorduc Vinca" userId="ad80fc01-cf55-4376-a825-a887c8046f05" providerId="ADAL" clId="{00F8C842-0407-40CE-8446-34CC19C14A22}" dt="2020-06-05T07:44:04.017" v="70" actId="20577"/>
          <ac:spMkLst>
            <pc:docMk/>
            <pc:sldMk cId="4185536091" sldId="352"/>
            <ac:spMk id="5" creationId="{B1E7A7EA-4EB0-4C66-A0A6-7D2E17991FA7}"/>
          </ac:spMkLst>
        </pc:spChg>
        <pc:spChg chg="add mod ord">
          <ac:chgData name="Rosmorduc Vinca" userId="ad80fc01-cf55-4376-a825-a887c8046f05" providerId="ADAL" clId="{00F8C842-0407-40CE-8446-34CC19C14A22}" dt="2020-06-05T07:59:40.065" v="830" actId="20577"/>
          <ac:spMkLst>
            <pc:docMk/>
            <pc:sldMk cId="4185536091" sldId="352"/>
            <ac:spMk id="6" creationId="{F88AF7F8-D351-4341-946E-8311F721F57F}"/>
          </ac:spMkLst>
        </pc:spChg>
      </pc:sldChg>
      <pc:sldMasterChg chg="modSldLayout">
        <pc:chgData name="Rosmorduc Vinca" userId="ad80fc01-cf55-4376-a825-a887c8046f05" providerId="ADAL" clId="{00F8C842-0407-40CE-8446-34CC19C14A22}" dt="2020-06-05T07:42:38.160" v="13" actId="478"/>
        <pc:sldMasterMkLst>
          <pc:docMk/>
          <pc:sldMasterMk cId="0" sldId="2147483670"/>
        </pc:sldMasterMkLst>
        <pc:sldLayoutChg chg="delSp mod">
          <pc:chgData name="Rosmorduc Vinca" userId="ad80fc01-cf55-4376-a825-a887c8046f05" providerId="ADAL" clId="{00F8C842-0407-40CE-8446-34CC19C14A22}" dt="2020-06-05T07:42:06.387" v="4" actId="478"/>
          <pc:sldLayoutMkLst>
            <pc:docMk/>
            <pc:sldMasterMk cId="0" sldId="2147483670"/>
            <pc:sldLayoutMk cId="0" sldId="2147483807"/>
          </pc:sldLayoutMkLst>
          <pc:spChg chg="del">
            <ac:chgData name="Rosmorduc Vinca" userId="ad80fc01-cf55-4376-a825-a887c8046f05" providerId="ADAL" clId="{00F8C842-0407-40CE-8446-34CC19C14A22}" dt="2020-06-05T07:42:06.387" v="4" actId="478"/>
            <ac:spMkLst>
              <pc:docMk/>
              <pc:sldMasterMk cId="0" sldId="2147483670"/>
              <pc:sldLayoutMk cId="0" sldId="2147483807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06.387" v="4" actId="478"/>
            <ac:spMkLst>
              <pc:docMk/>
              <pc:sldMasterMk cId="0" sldId="2147483670"/>
              <pc:sldLayoutMk cId="0" sldId="2147483807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06.387" v="4" actId="478"/>
            <ac:spMkLst>
              <pc:docMk/>
              <pc:sldMasterMk cId="0" sldId="2147483670"/>
              <pc:sldLayoutMk cId="0" sldId="2147483807"/>
              <ac:spMk id="6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00F8C842-0407-40CE-8446-34CC19C14A22}" dt="2020-06-05T07:42:10.039" v="5" actId="478"/>
          <pc:sldLayoutMkLst>
            <pc:docMk/>
            <pc:sldMasterMk cId="0" sldId="2147483670"/>
            <pc:sldLayoutMk cId="0" sldId="2147483808"/>
          </pc:sldLayoutMkLst>
          <pc:spChg chg="del">
            <ac:chgData name="Rosmorduc Vinca" userId="ad80fc01-cf55-4376-a825-a887c8046f05" providerId="ADAL" clId="{00F8C842-0407-40CE-8446-34CC19C14A22}" dt="2020-06-05T07:42:10.039" v="5" actId="478"/>
            <ac:spMkLst>
              <pc:docMk/>
              <pc:sldMasterMk cId="0" sldId="2147483670"/>
              <pc:sldLayoutMk cId="0" sldId="2147483808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10.039" v="5" actId="478"/>
            <ac:spMkLst>
              <pc:docMk/>
              <pc:sldMasterMk cId="0" sldId="2147483670"/>
              <pc:sldLayoutMk cId="0" sldId="2147483808"/>
              <ac:spMk id="6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10.039" v="5" actId="478"/>
            <ac:spMkLst>
              <pc:docMk/>
              <pc:sldMasterMk cId="0" sldId="2147483670"/>
              <pc:sldLayoutMk cId="0" sldId="2147483808"/>
              <ac:spMk id="7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00F8C842-0407-40CE-8446-34CC19C14A22}" dt="2020-06-05T07:42:13.840" v="6" actId="478"/>
          <pc:sldLayoutMkLst>
            <pc:docMk/>
            <pc:sldMasterMk cId="0" sldId="2147483670"/>
            <pc:sldLayoutMk cId="0" sldId="2147483809"/>
          </pc:sldLayoutMkLst>
          <pc:spChg chg="del">
            <ac:chgData name="Rosmorduc Vinca" userId="ad80fc01-cf55-4376-a825-a887c8046f05" providerId="ADAL" clId="{00F8C842-0407-40CE-8446-34CC19C14A22}" dt="2020-06-05T07:42:13.840" v="6" actId="478"/>
            <ac:spMkLst>
              <pc:docMk/>
              <pc:sldMasterMk cId="0" sldId="2147483670"/>
              <pc:sldLayoutMk cId="0" sldId="2147483809"/>
              <ac:spMk id="7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13.840" v="6" actId="478"/>
            <ac:spMkLst>
              <pc:docMk/>
              <pc:sldMasterMk cId="0" sldId="2147483670"/>
              <pc:sldLayoutMk cId="0" sldId="2147483809"/>
              <ac:spMk id="8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13.840" v="6" actId="478"/>
            <ac:spMkLst>
              <pc:docMk/>
              <pc:sldMasterMk cId="0" sldId="2147483670"/>
              <pc:sldLayoutMk cId="0" sldId="2147483809"/>
              <ac:spMk id="9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00F8C842-0407-40CE-8446-34CC19C14A22}" dt="2020-06-05T07:42:17.072" v="7" actId="478"/>
          <pc:sldLayoutMkLst>
            <pc:docMk/>
            <pc:sldMasterMk cId="0" sldId="2147483670"/>
            <pc:sldLayoutMk cId="0" sldId="2147483810"/>
          </pc:sldLayoutMkLst>
          <pc:spChg chg="del">
            <ac:chgData name="Rosmorduc Vinca" userId="ad80fc01-cf55-4376-a825-a887c8046f05" providerId="ADAL" clId="{00F8C842-0407-40CE-8446-34CC19C14A22}" dt="2020-06-05T07:42:17.072" v="7" actId="478"/>
            <ac:spMkLst>
              <pc:docMk/>
              <pc:sldMasterMk cId="0" sldId="2147483670"/>
              <pc:sldLayoutMk cId="0" sldId="2147483810"/>
              <ac:spMk id="3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17.072" v="7" actId="478"/>
            <ac:spMkLst>
              <pc:docMk/>
              <pc:sldMasterMk cId="0" sldId="2147483670"/>
              <pc:sldLayoutMk cId="0" sldId="2147483810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17.072" v="7" actId="478"/>
            <ac:spMkLst>
              <pc:docMk/>
              <pc:sldMasterMk cId="0" sldId="2147483670"/>
              <pc:sldLayoutMk cId="0" sldId="2147483810"/>
              <ac:spMk id="5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00F8C842-0407-40CE-8446-34CC19C14A22}" dt="2020-06-05T07:42:20.712" v="8" actId="478"/>
          <pc:sldLayoutMkLst>
            <pc:docMk/>
            <pc:sldMasterMk cId="0" sldId="2147483670"/>
            <pc:sldLayoutMk cId="0" sldId="2147483811"/>
          </pc:sldLayoutMkLst>
          <pc:spChg chg="del">
            <ac:chgData name="Rosmorduc Vinca" userId="ad80fc01-cf55-4376-a825-a887c8046f05" providerId="ADAL" clId="{00F8C842-0407-40CE-8446-34CC19C14A22}" dt="2020-06-05T07:42:20.712" v="8" actId="478"/>
            <ac:spMkLst>
              <pc:docMk/>
              <pc:sldMasterMk cId="0" sldId="2147483670"/>
              <pc:sldLayoutMk cId="0" sldId="2147483811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20.712" v="8" actId="478"/>
            <ac:spMkLst>
              <pc:docMk/>
              <pc:sldMasterMk cId="0" sldId="2147483670"/>
              <pc:sldLayoutMk cId="0" sldId="2147483811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20.712" v="8" actId="478"/>
            <ac:spMkLst>
              <pc:docMk/>
              <pc:sldMasterMk cId="0" sldId="2147483670"/>
              <pc:sldLayoutMk cId="0" sldId="2147483811"/>
              <ac:spMk id="6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00F8C842-0407-40CE-8446-34CC19C14A22}" dt="2020-06-05T07:42:24.264" v="9" actId="478"/>
          <pc:sldLayoutMkLst>
            <pc:docMk/>
            <pc:sldMasterMk cId="0" sldId="2147483670"/>
            <pc:sldLayoutMk cId="0" sldId="2147483812"/>
          </pc:sldLayoutMkLst>
          <pc:spChg chg="del">
            <ac:chgData name="Rosmorduc Vinca" userId="ad80fc01-cf55-4376-a825-a887c8046f05" providerId="ADAL" clId="{00F8C842-0407-40CE-8446-34CC19C14A22}" dt="2020-06-05T07:42:24.264" v="9" actId="478"/>
            <ac:spMkLst>
              <pc:docMk/>
              <pc:sldMasterMk cId="0" sldId="2147483670"/>
              <pc:sldLayoutMk cId="0" sldId="2147483812"/>
              <ac:spMk id="2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24.264" v="9" actId="478"/>
            <ac:spMkLst>
              <pc:docMk/>
              <pc:sldMasterMk cId="0" sldId="2147483670"/>
              <pc:sldLayoutMk cId="0" sldId="2147483812"/>
              <ac:spMk id="3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24.264" v="9" actId="478"/>
            <ac:spMkLst>
              <pc:docMk/>
              <pc:sldMasterMk cId="0" sldId="2147483670"/>
              <pc:sldLayoutMk cId="0" sldId="2147483812"/>
              <ac:spMk id="4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00F8C842-0407-40CE-8446-34CC19C14A22}" dt="2020-06-05T07:42:27.416" v="10" actId="478"/>
          <pc:sldLayoutMkLst>
            <pc:docMk/>
            <pc:sldMasterMk cId="0" sldId="2147483670"/>
            <pc:sldLayoutMk cId="0" sldId="2147483813"/>
          </pc:sldLayoutMkLst>
          <pc:spChg chg="del">
            <ac:chgData name="Rosmorduc Vinca" userId="ad80fc01-cf55-4376-a825-a887c8046f05" providerId="ADAL" clId="{00F8C842-0407-40CE-8446-34CC19C14A22}" dt="2020-06-05T07:42:27.416" v="10" actId="478"/>
            <ac:spMkLst>
              <pc:docMk/>
              <pc:sldMasterMk cId="0" sldId="2147483670"/>
              <pc:sldLayoutMk cId="0" sldId="2147483813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27.416" v="10" actId="478"/>
            <ac:spMkLst>
              <pc:docMk/>
              <pc:sldMasterMk cId="0" sldId="2147483670"/>
              <pc:sldLayoutMk cId="0" sldId="2147483813"/>
              <ac:spMk id="6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27.416" v="10" actId="478"/>
            <ac:spMkLst>
              <pc:docMk/>
              <pc:sldMasterMk cId="0" sldId="2147483670"/>
              <pc:sldLayoutMk cId="0" sldId="2147483813"/>
              <ac:spMk id="7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00F8C842-0407-40CE-8446-34CC19C14A22}" dt="2020-06-05T07:42:35.191" v="12" actId="478"/>
          <pc:sldLayoutMkLst>
            <pc:docMk/>
            <pc:sldMasterMk cId="0" sldId="2147483670"/>
            <pc:sldLayoutMk cId="0" sldId="2147483814"/>
          </pc:sldLayoutMkLst>
          <pc:spChg chg="del">
            <ac:chgData name="Rosmorduc Vinca" userId="ad80fc01-cf55-4376-a825-a887c8046f05" providerId="ADAL" clId="{00F8C842-0407-40CE-8446-34CC19C14A22}" dt="2020-06-05T07:42:35.191" v="12" actId="478"/>
            <ac:spMkLst>
              <pc:docMk/>
              <pc:sldMasterMk cId="0" sldId="2147483670"/>
              <pc:sldLayoutMk cId="0" sldId="2147483814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35.191" v="12" actId="478"/>
            <ac:spMkLst>
              <pc:docMk/>
              <pc:sldMasterMk cId="0" sldId="2147483670"/>
              <pc:sldLayoutMk cId="0" sldId="2147483814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35.191" v="12" actId="478"/>
            <ac:spMkLst>
              <pc:docMk/>
              <pc:sldMasterMk cId="0" sldId="2147483670"/>
              <pc:sldLayoutMk cId="0" sldId="2147483814"/>
              <ac:spMk id="6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00F8C842-0407-40CE-8446-34CC19C14A22}" dt="2020-06-05T07:42:38.160" v="13" actId="478"/>
          <pc:sldLayoutMkLst>
            <pc:docMk/>
            <pc:sldMasterMk cId="0" sldId="2147483670"/>
            <pc:sldLayoutMk cId="0" sldId="2147483815"/>
          </pc:sldLayoutMkLst>
          <pc:spChg chg="del">
            <ac:chgData name="Rosmorduc Vinca" userId="ad80fc01-cf55-4376-a825-a887c8046f05" providerId="ADAL" clId="{00F8C842-0407-40CE-8446-34CC19C14A22}" dt="2020-06-05T07:42:38.160" v="13" actId="478"/>
            <ac:spMkLst>
              <pc:docMk/>
              <pc:sldMasterMk cId="0" sldId="2147483670"/>
              <pc:sldLayoutMk cId="0" sldId="2147483815"/>
              <ac:spMk id="4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38.160" v="13" actId="478"/>
            <ac:spMkLst>
              <pc:docMk/>
              <pc:sldMasterMk cId="0" sldId="2147483670"/>
              <pc:sldLayoutMk cId="0" sldId="2147483815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38.160" v="13" actId="478"/>
            <ac:spMkLst>
              <pc:docMk/>
              <pc:sldMasterMk cId="0" sldId="2147483670"/>
              <pc:sldLayoutMk cId="0" sldId="2147483815"/>
              <ac:spMk id="6" creationId="{00000000-0000-0000-0000-000000000000}"/>
            </ac:spMkLst>
          </pc:spChg>
        </pc:sldLayoutChg>
        <pc:sldLayoutChg chg="delSp mod">
          <pc:chgData name="Rosmorduc Vinca" userId="ad80fc01-cf55-4376-a825-a887c8046f05" providerId="ADAL" clId="{00F8C842-0407-40CE-8446-34CC19C14A22}" dt="2020-06-05T07:42:31.519" v="11" actId="478"/>
          <pc:sldLayoutMkLst>
            <pc:docMk/>
            <pc:sldMasterMk cId="0" sldId="2147483670"/>
            <pc:sldLayoutMk cId="0" sldId="2147483818"/>
          </pc:sldLayoutMkLst>
          <pc:spChg chg="del">
            <ac:chgData name="Rosmorduc Vinca" userId="ad80fc01-cf55-4376-a825-a887c8046f05" providerId="ADAL" clId="{00F8C842-0407-40CE-8446-34CC19C14A22}" dt="2020-06-05T07:42:31.519" v="11" actId="478"/>
            <ac:spMkLst>
              <pc:docMk/>
              <pc:sldMasterMk cId="0" sldId="2147483670"/>
              <pc:sldLayoutMk cId="0" sldId="2147483818"/>
              <ac:spMk id="5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31.519" v="11" actId="478"/>
            <ac:spMkLst>
              <pc:docMk/>
              <pc:sldMasterMk cId="0" sldId="2147483670"/>
              <pc:sldLayoutMk cId="0" sldId="2147483818"/>
              <ac:spMk id="6" creationId="{00000000-0000-0000-0000-000000000000}"/>
            </ac:spMkLst>
          </pc:spChg>
          <pc:spChg chg="del">
            <ac:chgData name="Rosmorduc Vinca" userId="ad80fc01-cf55-4376-a825-a887c8046f05" providerId="ADAL" clId="{00F8C842-0407-40CE-8446-34CC19C14A22}" dt="2020-06-05T07:42:31.519" v="11" actId="478"/>
            <ac:spMkLst>
              <pc:docMk/>
              <pc:sldMasterMk cId="0" sldId="2147483670"/>
              <pc:sldLayoutMk cId="0" sldId="2147483818"/>
              <ac:spMk id="7" creationId="{00000000-0000-0000-0000-000000000000}"/>
            </ac:spMkLst>
          </pc:spChg>
        </pc:sldLayoutChg>
      </pc:sldMasterChg>
    </pc:docChg>
  </pc:docChgLst>
  <pc:docChgLst>
    <pc:chgData name="Rosmorduc Vinca" userId="ad80fc01-cf55-4376-a825-a887c8046f05" providerId="ADAL" clId="{80D5D030-9CF5-498E-BB81-D71CBC01BD67}"/>
    <pc:docChg chg="undo custSel addSld modSld sldOrd">
      <pc:chgData name="Rosmorduc Vinca" userId="ad80fc01-cf55-4376-a825-a887c8046f05" providerId="ADAL" clId="{80D5D030-9CF5-498E-BB81-D71CBC01BD67}" dt="2020-11-16T16:25:10.737" v="457" actId="164"/>
      <pc:docMkLst>
        <pc:docMk/>
      </pc:docMkLst>
      <pc:sldChg chg="addSp delSp modSp mod">
        <pc:chgData name="Rosmorduc Vinca" userId="ad80fc01-cf55-4376-a825-a887c8046f05" providerId="ADAL" clId="{80D5D030-9CF5-498E-BB81-D71CBC01BD67}" dt="2020-11-16T14:30:53.272" v="37" actId="1035"/>
        <pc:sldMkLst>
          <pc:docMk/>
          <pc:sldMk cId="0" sldId="307"/>
        </pc:sldMkLst>
        <pc:spChg chg="mod">
          <ac:chgData name="Rosmorduc Vinca" userId="ad80fc01-cf55-4376-a825-a887c8046f05" providerId="ADAL" clId="{80D5D030-9CF5-498E-BB81-D71CBC01BD67}" dt="2020-11-16T14:30:53.272" v="37" actId="1035"/>
          <ac:spMkLst>
            <pc:docMk/>
            <pc:sldMk cId="0" sldId="307"/>
            <ac:spMk id="13315" creationId="{00000000-0000-0000-0000-000000000000}"/>
          </ac:spMkLst>
        </pc:spChg>
        <pc:grpChg chg="add mod">
          <ac:chgData name="Rosmorduc Vinca" userId="ad80fc01-cf55-4376-a825-a887c8046f05" providerId="ADAL" clId="{80D5D030-9CF5-498E-BB81-D71CBC01BD67}" dt="2020-11-16T14:30:49.614" v="35" actId="1076"/>
          <ac:grpSpMkLst>
            <pc:docMk/>
            <pc:sldMk cId="0" sldId="307"/>
            <ac:grpSpMk id="6" creationId="{12DC26A2-4EE8-494A-AD72-562F6218BCC8}"/>
          </ac:grpSpMkLst>
        </pc:grpChg>
        <pc:grpChg chg="add">
          <ac:chgData name="Rosmorduc Vinca" userId="ad80fc01-cf55-4376-a825-a887c8046f05" providerId="ADAL" clId="{80D5D030-9CF5-498E-BB81-D71CBC01BD67}" dt="2020-11-16T14:29:36.166" v="1"/>
          <ac:grpSpMkLst>
            <pc:docMk/>
            <pc:sldMk cId="0" sldId="307"/>
            <ac:grpSpMk id="9" creationId="{DFDD8A63-35A4-4C01-8560-A86CE7E14417}"/>
          </ac:grpSpMkLst>
        </pc:grpChg>
        <pc:picChg chg="del">
          <ac:chgData name="Rosmorduc Vinca" userId="ad80fc01-cf55-4376-a825-a887c8046f05" providerId="ADAL" clId="{80D5D030-9CF5-498E-BB81-D71CBC01BD67}" dt="2020-11-16T14:29:35.735" v="0" actId="478"/>
          <ac:picMkLst>
            <pc:docMk/>
            <pc:sldMk cId="0" sldId="307"/>
            <ac:picMk id="13316" creationId="{00000000-0000-0000-0000-000000000000}"/>
          </ac:picMkLst>
        </pc:picChg>
        <pc:picChg chg="del">
          <ac:chgData name="Rosmorduc Vinca" userId="ad80fc01-cf55-4376-a825-a887c8046f05" providerId="ADAL" clId="{80D5D030-9CF5-498E-BB81-D71CBC01BD67}" dt="2020-11-16T14:29:35.735" v="0" actId="478"/>
          <ac:picMkLst>
            <pc:docMk/>
            <pc:sldMk cId="0" sldId="307"/>
            <ac:picMk id="13317" creationId="{00000000-0000-0000-0000-000000000000}"/>
          </ac:picMkLst>
        </pc:picChg>
      </pc:sldChg>
      <pc:sldChg chg="addSp delSp mod">
        <pc:chgData name="Rosmorduc Vinca" userId="ad80fc01-cf55-4376-a825-a887c8046f05" providerId="ADAL" clId="{80D5D030-9CF5-498E-BB81-D71CBC01BD67}" dt="2020-11-16T14:51:40.453" v="39"/>
        <pc:sldMkLst>
          <pc:docMk/>
          <pc:sldMk cId="0" sldId="308"/>
        </pc:sldMkLst>
        <pc:grpChg chg="add">
          <ac:chgData name="Rosmorduc Vinca" userId="ad80fc01-cf55-4376-a825-a887c8046f05" providerId="ADAL" clId="{80D5D030-9CF5-498E-BB81-D71CBC01BD67}" dt="2020-11-16T14:51:40.453" v="39"/>
          <ac:grpSpMkLst>
            <pc:docMk/>
            <pc:sldMk cId="0" sldId="308"/>
            <ac:grpSpMk id="5" creationId="{0A6FCE4E-2811-4B77-AA30-8F73462510F8}"/>
          </ac:grpSpMkLst>
        </pc:grpChg>
        <pc:picChg chg="add">
          <ac:chgData name="Rosmorduc Vinca" userId="ad80fc01-cf55-4376-a825-a887c8046f05" providerId="ADAL" clId="{80D5D030-9CF5-498E-BB81-D71CBC01BD67}" dt="2020-11-16T14:51:40.453" v="39"/>
          <ac:picMkLst>
            <pc:docMk/>
            <pc:sldMk cId="0" sldId="308"/>
            <ac:picMk id="8" creationId="{E42300BC-FAEB-473B-9658-6263E1F1455D}"/>
          </ac:picMkLst>
        </pc:picChg>
        <pc:picChg chg="del">
          <ac:chgData name="Rosmorduc Vinca" userId="ad80fc01-cf55-4376-a825-a887c8046f05" providerId="ADAL" clId="{80D5D030-9CF5-498E-BB81-D71CBC01BD67}" dt="2020-11-16T14:51:40.078" v="38" actId="478"/>
          <ac:picMkLst>
            <pc:docMk/>
            <pc:sldMk cId="0" sldId="308"/>
            <ac:picMk id="14340" creationId="{00000000-0000-0000-0000-000000000000}"/>
          </ac:picMkLst>
        </pc:picChg>
      </pc:sldChg>
      <pc:sldChg chg="addSp delSp mod">
        <pc:chgData name="Rosmorduc Vinca" userId="ad80fc01-cf55-4376-a825-a887c8046f05" providerId="ADAL" clId="{80D5D030-9CF5-498E-BB81-D71CBC01BD67}" dt="2020-11-16T15:40:34.155" v="249"/>
        <pc:sldMkLst>
          <pc:docMk/>
          <pc:sldMk cId="0" sldId="310"/>
        </pc:sldMkLst>
        <pc:grpChg chg="add">
          <ac:chgData name="Rosmorduc Vinca" userId="ad80fc01-cf55-4376-a825-a887c8046f05" providerId="ADAL" clId="{80D5D030-9CF5-498E-BB81-D71CBC01BD67}" dt="2020-11-16T15:40:34.155" v="249"/>
          <ac:grpSpMkLst>
            <pc:docMk/>
            <pc:sldMk cId="0" sldId="310"/>
            <ac:grpSpMk id="6" creationId="{33A91F74-F146-4A52-A4D8-56F0CF0EA08A}"/>
          </ac:grpSpMkLst>
        </pc:grpChg>
        <pc:grpChg chg="add">
          <ac:chgData name="Rosmorduc Vinca" userId="ad80fc01-cf55-4376-a825-a887c8046f05" providerId="ADAL" clId="{80D5D030-9CF5-498E-BB81-D71CBC01BD67}" dt="2020-11-16T15:40:34.155" v="249"/>
          <ac:grpSpMkLst>
            <pc:docMk/>
            <pc:sldMk cId="0" sldId="310"/>
            <ac:grpSpMk id="9" creationId="{C98DF819-9611-4806-AC2D-D590FA13B21E}"/>
          </ac:grpSpMkLst>
        </pc:grpChg>
        <pc:picChg chg="del">
          <ac:chgData name="Rosmorduc Vinca" userId="ad80fc01-cf55-4376-a825-a887c8046f05" providerId="ADAL" clId="{80D5D030-9CF5-498E-BB81-D71CBC01BD67}" dt="2020-11-16T15:40:23.415" v="248" actId="478"/>
          <ac:picMkLst>
            <pc:docMk/>
            <pc:sldMk cId="0" sldId="310"/>
            <ac:picMk id="16388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80D5D030-9CF5-498E-BB81-D71CBC01BD67}" dt="2020-11-16T15:40:17.646" v="247" actId="1036"/>
        <pc:sldMkLst>
          <pc:docMk/>
          <pc:sldMk cId="0" sldId="312"/>
        </pc:sldMkLst>
        <pc:spChg chg="mod">
          <ac:chgData name="Rosmorduc Vinca" userId="ad80fc01-cf55-4376-a825-a887c8046f05" providerId="ADAL" clId="{80D5D030-9CF5-498E-BB81-D71CBC01BD67}" dt="2020-11-16T15:40:02.751" v="240" actId="20577"/>
          <ac:spMkLst>
            <pc:docMk/>
            <pc:sldMk cId="0" sldId="312"/>
            <ac:spMk id="17412" creationId="{00000000-0000-0000-0000-000000000000}"/>
          </ac:spMkLst>
        </pc:spChg>
        <pc:grpChg chg="add mod">
          <ac:chgData name="Rosmorduc Vinca" userId="ad80fc01-cf55-4376-a825-a887c8046f05" providerId="ADAL" clId="{80D5D030-9CF5-498E-BB81-D71CBC01BD67}" dt="2020-11-16T15:40:12.990" v="244" actId="1037"/>
          <ac:grpSpMkLst>
            <pc:docMk/>
            <pc:sldMk cId="0" sldId="312"/>
            <ac:grpSpMk id="5" creationId="{04943DBE-1B20-4D00-B30B-49233FD6F404}"/>
          </ac:grpSpMkLst>
        </pc:grpChg>
        <pc:grpChg chg="add mod">
          <ac:chgData name="Rosmorduc Vinca" userId="ad80fc01-cf55-4376-a825-a887c8046f05" providerId="ADAL" clId="{80D5D030-9CF5-498E-BB81-D71CBC01BD67}" dt="2020-11-16T15:40:17.646" v="247" actId="1036"/>
          <ac:grpSpMkLst>
            <pc:docMk/>
            <pc:sldMk cId="0" sldId="312"/>
            <ac:grpSpMk id="8" creationId="{108493F1-F05D-46B3-84CB-B4C942B14745}"/>
          </ac:grpSpMkLst>
        </pc:grpChg>
        <pc:picChg chg="del">
          <ac:chgData name="Rosmorduc Vinca" userId="ad80fc01-cf55-4376-a825-a887c8046f05" providerId="ADAL" clId="{80D5D030-9CF5-498E-BB81-D71CBC01BD67}" dt="2020-11-16T15:39:50.261" v="235" actId="478"/>
          <ac:picMkLst>
            <pc:docMk/>
            <pc:sldMk cId="0" sldId="312"/>
            <ac:picMk id="17410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80D5D030-9CF5-498E-BB81-D71CBC01BD67}" dt="2020-11-16T15:46:36.652" v="267" actId="404"/>
        <pc:sldMkLst>
          <pc:docMk/>
          <pc:sldMk cId="0" sldId="318"/>
        </pc:sldMkLst>
        <pc:spChg chg="add mod">
          <ac:chgData name="Rosmorduc Vinca" userId="ad80fc01-cf55-4376-a825-a887c8046f05" providerId="ADAL" clId="{80D5D030-9CF5-498E-BB81-D71CBC01BD67}" dt="2020-11-16T15:46:12.511" v="261" actId="164"/>
          <ac:spMkLst>
            <pc:docMk/>
            <pc:sldMk cId="0" sldId="318"/>
            <ac:spMk id="7" creationId="{03297590-5BC7-41AC-B537-09FEAD70896F}"/>
          </ac:spMkLst>
        </pc:spChg>
        <pc:spChg chg="mod">
          <ac:chgData name="Rosmorduc Vinca" userId="ad80fc01-cf55-4376-a825-a887c8046f05" providerId="ADAL" clId="{80D5D030-9CF5-498E-BB81-D71CBC01BD67}" dt="2020-11-16T15:46:36.652" v="267" actId="404"/>
          <ac:spMkLst>
            <pc:docMk/>
            <pc:sldMk cId="0" sldId="318"/>
            <ac:spMk id="18435" creationId="{00000000-0000-0000-0000-000000000000}"/>
          </ac:spMkLst>
        </pc:spChg>
        <pc:grpChg chg="add mod">
          <ac:chgData name="Rosmorduc Vinca" userId="ad80fc01-cf55-4376-a825-a887c8046f05" providerId="ADAL" clId="{80D5D030-9CF5-498E-BB81-D71CBC01BD67}" dt="2020-11-16T15:46:12.511" v="261" actId="164"/>
          <ac:grpSpMkLst>
            <pc:docMk/>
            <pc:sldMk cId="0" sldId="318"/>
            <ac:grpSpMk id="4" creationId="{7CE17EB6-0788-4E26-B779-4F888145F4C4}"/>
          </ac:grpSpMkLst>
        </pc:grpChg>
        <pc:picChg chg="add mod">
          <ac:chgData name="Rosmorduc Vinca" userId="ad80fc01-cf55-4376-a825-a887c8046f05" providerId="ADAL" clId="{80D5D030-9CF5-498E-BB81-D71CBC01BD67}" dt="2020-11-16T15:46:12.511" v="261" actId="164"/>
          <ac:picMkLst>
            <pc:docMk/>
            <pc:sldMk cId="0" sldId="318"/>
            <ac:picMk id="3" creationId="{579870A1-7202-4949-9B6C-CFF9E70937A5}"/>
          </ac:picMkLst>
        </pc:picChg>
        <pc:picChg chg="add mod">
          <ac:chgData name="Rosmorduc Vinca" userId="ad80fc01-cf55-4376-a825-a887c8046f05" providerId="ADAL" clId="{80D5D030-9CF5-498E-BB81-D71CBC01BD67}" dt="2020-11-16T15:46:26.340" v="264" actId="1076"/>
          <ac:picMkLst>
            <pc:docMk/>
            <pc:sldMk cId="0" sldId="318"/>
            <ac:picMk id="6" creationId="{11FC1671-A2CF-46B6-851F-72C5BBE69DAC}"/>
          </ac:picMkLst>
        </pc:picChg>
        <pc:picChg chg="del">
          <ac:chgData name="Rosmorduc Vinca" userId="ad80fc01-cf55-4376-a825-a887c8046f05" providerId="ADAL" clId="{80D5D030-9CF5-498E-BB81-D71CBC01BD67}" dt="2020-11-16T15:44:58.396" v="251" actId="478"/>
          <ac:picMkLst>
            <pc:docMk/>
            <pc:sldMk cId="0" sldId="318"/>
            <ac:picMk id="18436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80D5D030-9CF5-498E-BB81-D71CBC01BD67}" dt="2020-11-16T15:49:54.059" v="270" actId="14100"/>
        <pc:sldMkLst>
          <pc:docMk/>
          <pc:sldMk cId="0" sldId="324"/>
        </pc:sldMkLst>
        <pc:spChg chg="mod">
          <ac:chgData name="Rosmorduc Vinca" userId="ad80fc01-cf55-4376-a825-a887c8046f05" providerId="ADAL" clId="{80D5D030-9CF5-498E-BB81-D71CBC01BD67}" dt="2020-11-16T15:49:54.059" v="270" actId="14100"/>
          <ac:spMkLst>
            <pc:docMk/>
            <pc:sldMk cId="0" sldId="324"/>
            <ac:spMk id="19459" creationId="{00000000-0000-0000-0000-000000000000}"/>
          </ac:spMkLst>
        </pc:spChg>
        <pc:grpChg chg="add">
          <ac:chgData name="Rosmorduc Vinca" userId="ad80fc01-cf55-4376-a825-a887c8046f05" providerId="ADAL" clId="{80D5D030-9CF5-498E-BB81-D71CBC01BD67}" dt="2020-11-16T15:49:49.034" v="269"/>
          <ac:grpSpMkLst>
            <pc:docMk/>
            <pc:sldMk cId="0" sldId="324"/>
            <ac:grpSpMk id="5" creationId="{7B3F7F44-A2F0-45E6-8DF9-BD1AC81FAE13}"/>
          </ac:grpSpMkLst>
        </pc:grpChg>
        <pc:grpChg chg="add">
          <ac:chgData name="Rosmorduc Vinca" userId="ad80fc01-cf55-4376-a825-a887c8046f05" providerId="ADAL" clId="{80D5D030-9CF5-498E-BB81-D71CBC01BD67}" dt="2020-11-16T15:49:49.034" v="269"/>
          <ac:grpSpMkLst>
            <pc:docMk/>
            <pc:sldMk cId="0" sldId="324"/>
            <ac:grpSpMk id="8" creationId="{E1F7D0A4-707C-4F26-91BB-709EA0657C55}"/>
          </ac:grpSpMkLst>
        </pc:grpChg>
        <pc:picChg chg="del">
          <ac:chgData name="Rosmorduc Vinca" userId="ad80fc01-cf55-4376-a825-a887c8046f05" providerId="ADAL" clId="{80D5D030-9CF5-498E-BB81-D71CBC01BD67}" dt="2020-11-16T15:49:48.633" v="268" actId="478"/>
          <ac:picMkLst>
            <pc:docMk/>
            <pc:sldMk cId="0" sldId="324"/>
            <ac:picMk id="19460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80D5D030-9CF5-498E-BB81-D71CBC01BD67}" dt="2020-11-16T16:02:00.501" v="383" actId="167"/>
        <pc:sldMkLst>
          <pc:docMk/>
          <pc:sldMk cId="0" sldId="328"/>
        </pc:sldMkLst>
        <pc:spChg chg="add del mod">
          <ac:chgData name="Rosmorduc Vinca" userId="ad80fc01-cf55-4376-a825-a887c8046f05" providerId="ADAL" clId="{80D5D030-9CF5-498E-BB81-D71CBC01BD67}" dt="2020-11-16T15:53:40.333" v="297"/>
          <ac:spMkLst>
            <pc:docMk/>
            <pc:sldMk cId="0" sldId="328"/>
            <ac:spMk id="2" creationId="{FCFBEE5D-E8AF-49FB-8E9B-0C9F5DE8499B}"/>
          </ac:spMkLst>
        </pc:spChg>
        <pc:spChg chg="add mod">
          <ac:chgData name="Rosmorduc Vinca" userId="ad80fc01-cf55-4376-a825-a887c8046f05" providerId="ADAL" clId="{80D5D030-9CF5-498E-BB81-D71CBC01BD67}" dt="2020-11-16T15:54:53.892" v="314" actId="1038"/>
          <ac:spMkLst>
            <pc:docMk/>
            <pc:sldMk cId="0" sldId="328"/>
            <ac:spMk id="3" creationId="{D0C7B36F-0009-4218-BD6D-C2777E22621E}"/>
          </ac:spMkLst>
        </pc:spChg>
        <pc:spChg chg="mod">
          <ac:chgData name="Rosmorduc Vinca" userId="ad80fc01-cf55-4376-a825-a887c8046f05" providerId="ADAL" clId="{80D5D030-9CF5-498E-BB81-D71CBC01BD67}" dt="2020-11-16T16:01:56.685" v="382" actId="20577"/>
          <ac:spMkLst>
            <pc:docMk/>
            <pc:sldMk cId="0" sldId="328"/>
            <ac:spMk id="21507" creationId="{00000000-0000-0000-0000-000000000000}"/>
          </ac:spMkLst>
        </pc:spChg>
        <pc:graphicFrameChg chg="add del">
          <ac:chgData name="Rosmorduc Vinca" userId="ad80fc01-cf55-4376-a825-a887c8046f05" providerId="ADAL" clId="{80D5D030-9CF5-498E-BB81-D71CBC01BD67}" dt="2020-11-16T16:01:38.217" v="355" actId="478"/>
          <ac:graphicFrameMkLst>
            <pc:docMk/>
            <pc:sldMk cId="0" sldId="328"/>
            <ac:graphicFrameMk id="6" creationId="{36393AA8-98BC-4E3E-859D-995CB4446D3E}"/>
          </ac:graphicFrameMkLst>
        </pc:graphicFrameChg>
        <pc:picChg chg="add mod ord">
          <ac:chgData name="Rosmorduc Vinca" userId="ad80fc01-cf55-4376-a825-a887c8046f05" providerId="ADAL" clId="{80D5D030-9CF5-498E-BB81-D71CBC01BD67}" dt="2020-11-16T16:02:00.501" v="383" actId="167"/>
          <ac:picMkLst>
            <pc:docMk/>
            <pc:sldMk cId="0" sldId="328"/>
            <ac:picMk id="5" creationId="{7DF522A1-4F17-4046-9FBB-1CCB0105229F}"/>
          </ac:picMkLst>
        </pc:picChg>
        <pc:picChg chg="mod">
          <ac:chgData name="Rosmorduc Vinca" userId="ad80fc01-cf55-4376-a825-a887c8046f05" providerId="ADAL" clId="{80D5D030-9CF5-498E-BB81-D71CBC01BD67}" dt="2020-11-16T15:54:45.188" v="312" actId="1038"/>
          <ac:picMkLst>
            <pc:docMk/>
            <pc:sldMk cId="0" sldId="328"/>
            <ac:picMk id="21508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80D5D030-9CF5-498E-BB81-D71CBC01BD67}" dt="2020-11-16T16:00:36.586" v="351" actId="113"/>
        <pc:sldMkLst>
          <pc:docMk/>
          <pc:sldMk cId="0" sldId="329"/>
        </pc:sldMkLst>
        <pc:spChg chg="add mod">
          <ac:chgData name="Rosmorduc Vinca" userId="ad80fc01-cf55-4376-a825-a887c8046f05" providerId="ADAL" clId="{80D5D030-9CF5-498E-BB81-D71CBC01BD67}" dt="2020-11-16T16:00:23.032" v="349" actId="164"/>
          <ac:spMkLst>
            <pc:docMk/>
            <pc:sldMk cId="0" sldId="329"/>
            <ac:spMk id="7" creationId="{7D33E2BF-FF4D-4045-9AD9-216B092D0066}"/>
          </ac:spMkLst>
        </pc:spChg>
        <pc:spChg chg="add mod">
          <ac:chgData name="Rosmorduc Vinca" userId="ad80fc01-cf55-4376-a825-a887c8046f05" providerId="ADAL" clId="{80D5D030-9CF5-498E-BB81-D71CBC01BD67}" dt="2020-11-16T16:00:18.320" v="348" actId="164"/>
          <ac:spMkLst>
            <pc:docMk/>
            <pc:sldMk cId="0" sldId="329"/>
            <ac:spMk id="10" creationId="{1C2EAF4C-F54F-42B3-ADE0-B15E7099DB77}"/>
          </ac:spMkLst>
        </pc:spChg>
        <pc:spChg chg="mod">
          <ac:chgData name="Rosmorduc Vinca" userId="ad80fc01-cf55-4376-a825-a887c8046f05" providerId="ADAL" clId="{80D5D030-9CF5-498E-BB81-D71CBC01BD67}" dt="2020-11-16T16:00:36.586" v="351" actId="113"/>
          <ac:spMkLst>
            <pc:docMk/>
            <pc:sldMk cId="0" sldId="329"/>
            <ac:spMk id="22531" creationId="{00000000-0000-0000-0000-000000000000}"/>
          </ac:spMkLst>
        </pc:spChg>
        <pc:grpChg chg="add mod">
          <ac:chgData name="Rosmorduc Vinca" userId="ad80fc01-cf55-4376-a825-a887c8046f05" providerId="ADAL" clId="{80D5D030-9CF5-498E-BB81-D71CBC01BD67}" dt="2020-11-16T16:00:18.320" v="348" actId="164"/>
          <ac:grpSpMkLst>
            <pc:docMk/>
            <pc:sldMk cId="0" sldId="329"/>
            <ac:grpSpMk id="6" creationId="{48506231-8DAB-40D6-A219-6D9C2D30D9B9}"/>
          </ac:grpSpMkLst>
        </pc:grpChg>
        <pc:grpChg chg="add mod">
          <ac:chgData name="Rosmorduc Vinca" userId="ad80fc01-cf55-4376-a825-a887c8046f05" providerId="ADAL" clId="{80D5D030-9CF5-498E-BB81-D71CBC01BD67}" dt="2020-11-16T16:00:23.032" v="349" actId="164"/>
          <ac:grpSpMkLst>
            <pc:docMk/>
            <pc:sldMk cId="0" sldId="329"/>
            <ac:grpSpMk id="8" creationId="{99E8F369-8641-49EC-87C4-E7A75C94A9FD}"/>
          </ac:grpSpMkLst>
        </pc:grpChg>
        <pc:picChg chg="add mod">
          <ac:chgData name="Rosmorduc Vinca" userId="ad80fc01-cf55-4376-a825-a887c8046f05" providerId="ADAL" clId="{80D5D030-9CF5-498E-BB81-D71CBC01BD67}" dt="2020-11-16T16:00:23.032" v="349" actId="164"/>
          <ac:picMkLst>
            <pc:docMk/>
            <pc:sldMk cId="0" sldId="329"/>
            <ac:picMk id="3" creationId="{74F5E0D9-DE36-41A5-8634-64501329831D}"/>
          </ac:picMkLst>
        </pc:picChg>
        <pc:picChg chg="add mod">
          <ac:chgData name="Rosmorduc Vinca" userId="ad80fc01-cf55-4376-a825-a887c8046f05" providerId="ADAL" clId="{80D5D030-9CF5-498E-BB81-D71CBC01BD67}" dt="2020-11-16T16:00:18.320" v="348" actId="164"/>
          <ac:picMkLst>
            <pc:docMk/>
            <pc:sldMk cId="0" sldId="329"/>
            <ac:picMk id="5" creationId="{E0D272D0-ED16-4D3F-8CC8-2B60AF5D24B2}"/>
          </ac:picMkLst>
        </pc:picChg>
        <pc:picChg chg="del">
          <ac:chgData name="Rosmorduc Vinca" userId="ad80fc01-cf55-4376-a825-a887c8046f05" providerId="ADAL" clId="{80D5D030-9CF5-498E-BB81-D71CBC01BD67}" dt="2020-11-16T15:58:48.107" v="332" actId="478"/>
          <ac:picMkLst>
            <pc:docMk/>
            <pc:sldMk cId="0" sldId="329"/>
            <ac:picMk id="22532" creationId="{00000000-0000-0000-0000-000000000000}"/>
          </ac:picMkLst>
        </pc:picChg>
      </pc:sldChg>
      <pc:sldChg chg="addSp delSp modSp mod ord">
        <pc:chgData name="Rosmorduc Vinca" userId="ad80fc01-cf55-4376-a825-a887c8046f05" providerId="ADAL" clId="{80D5D030-9CF5-498E-BB81-D71CBC01BD67}" dt="2020-11-16T16:07:58.698" v="388" actId="167"/>
        <pc:sldMkLst>
          <pc:docMk/>
          <pc:sldMk cId="0" sldId="330"/>
        </pc:sldMkLst>
        <pc:spChg chg="mod">
          <ac:chgData name="Rosmorduc Vinca" userId="ad80fc01-cf55-4376-a825-a887c8046f05" providerId="ADAL" clId="{80D5D030-9CF5-498E-BB81-D71CBC01BD67}" dt="2020-11-16T16:07:55.373" v="387" actId="14100"/>
          <ac:spMkLst>
            <pc:docMk/>
            <pc:sldMk cId="0" sldId="330"/>
            <ac:spMk id="23555" creationId="{00000000-0000-0000-0000-000000000000}"/>
          </ac:spMkLst>
        </pc:spChg>
        <pc:grpChg chg="add ord">
          <ac:chgData name="Rosmorduc Vinca" userId="ad80fc01-cf55-4376-a825-a887c8046f05" providerId="ADAL" clId="{80D5D030-9CF5-498E-BB81-D71CBC01BD67}" dt="2020-11-16T16:07:58.698" v="388" actId="167"/>
          <ac:grpSpMkLst>
            <pc:docMk/>
            <pc:sldMk cId="0" sldId="330"/>
            <ac:grpSpMk id="5" creationId="{7E8E4161-B3C0-4E1B-8420-50AE4F5C4480}"/>
          </ac:grpSpMkLst>
        </pc:grpChg>
        <pc:grpChg chg="add">
          <ac:chgData name="Rosmorduc Vinca" userId="ad80fc01-cf55-4376-a825-a887c8046f05" providerId="ADAL" clId="{80D5D030-9CF5-498E-BB81-D71CBC01BD67}" dt="2020-11-16T16:07:45.674" v="385"/>
          <ac:grpSpMkLst>
            <pc:docMk/>
            <pc:sldMk cId="0" sldId="330"/>
            <ac:grpSpMk id="8" creationId="{A3EA3A54-D49A-466E-B3B3-4E9CDA66DF38}"/>
          </ac:grpSpMkLst>
        </pc:grpChg>
        <pc:picChg chg="del">
          <ac:chgData name="Rosmorduc Vinca" userId="ad80fc01-cf55-4376-a825-a887c8046f05" providerId="ADAL" clId="{80D5D030-9CF5-498E-BB81-D71CBC01BD67}" dt="2020-11-16T16:07:45.268" v="384" actId="478"/>
          <ac:picMkLst>
            <pc:docMk/>
            <pc:sldMk cId="0" sldId="330"/>
            <ac:picMk id="23556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80D5D030-9CF5-498E-BB81-D71CBC01BD67}" dt="2020-11-16T16:23:20.094" v="438" actId="164"/>
        <pc:sldMkLst>
          <pc:docMk/>
          <pc:sldMk cId="0" sldId="332"/>
        </pc:sldMkLst>
        <pc:spChg chg="add mod">
          <ac:chgData name="Rosmorduc Vinca" userId="ad80fc01-cf55-4376-a825-a887c8046f05" providerId="ADAL" clId="{80D5D030-9CF5-498E-BB81-D71CBC01BD67}" dt="2020-11-16T16:23:05.080" v="432" actId="164"/>
          <ac:spMkLst>
            <pc:docMk/>
            <pc:sldMk cId="0" sldId="332"/>
            <ac:spMk id="9" creationId="{CBE9AD3B-4797-4EB7-AD6D-89A9F88EE3BF}"/>
          </ac:spMkLst>
        </pc:spChg>
        <pc:spChg chg="add mod">
          <ac:chgData name="Rosmorduc Vinca" userId="ad80fc01-cf55-4376-a825-a887c8046f05" providerId="ADAL" clId="{80D5D030-9CF5-498E-BB81-D71CBC01BD67}" dt="2020-11-16T16:23:20.094" v="438" actId="164"/>
          <ac:spMkLst>
            <pc:docMk/>
            <pc:sldMk cId="0" sldId="332"/>
            <ac:spMk id="11" creationId="{4A6A49D8-9EDA-4F4A-983B-7BCA29A7F70B}"/>
          </ac:spMkLst>
        </pc:spChg>
        <pc:spChg chg="mod">
          <ac:chgData name="Rosmorduc Vinca" userId="ad80fc01-cf55-4376-a825-a887c8046f05" providerId="ADAL" clId="{80D5D030-9CF5-498E-BB81-D71CBC01BD67}" dt="2020-11-16T16:21:41.022" v="400" actId="5793"/>
          <ac:spMkLst>
            <pc:docMk/>
            <pc:sldMk cId="0" sldId="332"/>
            <ac:spMk id="26627" creationId="{00000000-0000-0000-0000-000000000000}"/>
          </ac:spMkLst>
        </pc:spChg>
        <pc:grpChg chg="add mod">
          <ac:chgData name="Rosmorduc Vinca" userId="ad80fc01-cf55-4376-a825-a887c8046f05" providerId="ADAL" clId="{80D5D030-9CF5-498E-BB81-D71CBC01BD67}" dt="2020-11-16T16:23:05.080" v="432" actId="164"/>
          <ac:grpSpMkLst>
            <pc:docMk/>
            <pc:sldMk cId="0" sldId="332"/>
            <ac:grpSpMk id="6" creationId="{C5AE6761-B716-4273-A4CD-24CD2E32CCAB}"/>
          </ac:grpSpMkLst>
        </pc:grpChg>
        <pc:grpChg chg="add mod">
          <ac:chgData name="Rosmorduc Vinca" userId="ad80fc01-cf55-4376-a825-a887c8046f05" providerId="ADAL" clId="{80D5D030-9CF5-498E-BB81-D71CBC01BD67}" dt="2020-11-16T16:23:20.094" v="438" actId="164"/>
          <ac:grpSpMkLst>
            <pc:docMk/>
            <pc:sldMk cId="0" sldId="332"/>
            <ac:grpSpMk id="7" creationId="{8E0B9670-5F4A-4697-B5ED-03AFC0702912}"/>
          </ac:grpSpMkLst>
        </pc:grpChg>
        <pc:picChg chg="add mod">
          <ac:chgData name="Rosmorduc Vinca" userId="ad80fc01-cf55-4376-a825-a887c8046f05" providerId="ADAL" clId="{80D5D030-9CF5-498E-BB81-D71CBC01BD67}" dt="2020-11-16T16:23:05.080" v="432" actId="164"/>
          <ac:picMkLst>
            <pc:docMk/>
            <pc:sldMk cId="0" sldId="332"/>
            <ac:picMk id="3" creationId="{85226249-DD72-48AF-88B1-43BBAB31A2E1}"/>
          </ac:picMkLst>
        </pc:picChg>
        <pc:picChg chg="add mod">
          <ac:chgData name="Rosmorduc Vinca" userId="ad80fc01-cf55-4376-a825-a887c8046f05" providerId="ADAL" clId="{80D5D030-9CF5-498E-BB81-D71CBC01BD67}" dt="2020-11-16T16:23:20.094" v="438" actId="164"/>
          <ac:picMkLst>
            <pc:docMk/>
            <pc:sldMk cId="0" sldId="332"/>
            <ac:picMk id="5" creationId="{1F6CB67C-F158-4176-99BF-BB2CCCC9A5FD}"/>
          </ac:picMkLst>
        </pc:picChg>
        <pc:picChg chg="del mod">
          <ac:chgData name="Rosmorduc Vinca" userId="ad80fc01-cf55-4376-a825-a887c8046f05" providerId="ADAL" clId="{80D5D030-9CF5-498E-BB81-D71CBC01BD67}" dt="2020-11-16T16:21:37.884" v="398" actId="478"/>
          <ac:picMkLst>
            <pc:docMk/>
            <pc:sldMk cId="0" sldId="332"/>
            <ac:picMk id="26628" creationId="{00000000-0000-0000-0000-000000000000}"/>
          </ac:picMkLst>
        </pc:picChg>
      </pc:sldChg>
      <pc:sldChg chg="addSp modSp mod">
        <pc:chgData name="Rosmorduc Vinca" userId="ad80fc01-cf55-4376-a825-a887c8046f05" providerId="ADAL" clId="{80D5D030-9CF5-498E-BB81-D71CBC01BD67}" dt="2020-11-16T16:25:10.737" v="457" actId="164"/>
        <pc:sldMkLst>
          <pc:docMk/>
          <pc:sldMk cId="0" sldId="334"/>
        </pc:sldMkLst>
        <pc:spChg chg="add mod">
          <ac:chgData name="Rosmorduc Vinca" userId="ad80fc01-cf55-4376-a825-a887c8046f05" providerId="ADAL" clId="{80D5D030-9CF5-498E-BB81-D71CBC01BD67}" dt="2020-11-16T16:08:24.182" v="392" actId="1076"/>
          <ac:spMkLst>
            <pc:docMk/>
            <pc:sldMk cId="0" sldId="334"/>
            <ac:spMk id="5" creationId="{324E9A62-2CF1-45D5-8DB1-1D733D5D2E28}"/>
          </ac:spMkLst>
        </pc:spChg>
        <pc:spChg chg="add mod">
          <ac:chgData name="Rosmorduc Vinca" userId="ad80fc01-cf55-4376-a825-a887c8046f05" providerId="ADAL" clId="{80D5D030-9CF5-498E-BB81-D71CBC01BD67}" dt="2020-11-16T16:25:10.737" v="457" actId="164"/>
          <ac:spMkLst>
            <pc:docMk/>
            <pc:sldMk cId="0" sldId="334"/>
            <ac:spMk id="8" creationId="{09A14672-6BE7-4E7B-A4D5-409B88C2F4DD}"/>
          </ac:spMkLst>
        </pc:spChg>
        <pc:grpChg chg="add mod">
          <ac:chgData name="Rosmorduc Vinca" userId="ad80fc01-cf55-4376-a825-a887c8046f05" providerId="ADAL" clId="{80D5D030-9CF5-498E-BB81-D71CBC01BD67}" dt="2020-11-16T16:25:10.737" v="457" actId="164"/>
          <ac:grpSpMkLst>
            <pc:docMk/>
            <pc:sldMk cId="0" sldId="334"/>
            <ac:grpSpMk id="4" creationId="{9BB84913-0BC2-441B-965F-1A24D6F1D06A}"/>
          </ac:grpSpMkLst>
        </pc:grpChg>
        <pc:picChg chg="add mod">
          <ac:chgData name="Rosmorduc Vinca" userId="ad80fc01-cf55-4376-a825-a887c8046f05" providerId="ADAL" clId="{80D5D030-9CF5-498E-BB81-D71CBC01BD67}" dt="2020-11-16T16:25:10.737" v="457" actId="164"/>
          <ac:picMkLst>
            <pc:docMk/>
            <pc:sldMk cId="0" sldId="334"/>
            <ac:picMk id="3" creationId="{798CB36D-8F70-4AA8-AEB1-BA6F4EC63F7F}"/>
          </ac:picMkLst>
        </pc:picChg>
        <pc:picChg chg="mod">
          <ac:chgData name="Rosmorduc Vinca" userId="ad80fc01-cf55-4376-a825-a887c8046f05" providerId="ADAL" clId="{80D5D030-9CF5-498E-BB81-D71CBC01BD67}" dt="2020-11-16T16:08:11.861" v="390" actId="1076"/>
          <ac:picMkLst>
            <pc:docMk/>
            <pc:sldMk cId="0" sldId="334"/>
            <ac:picMk id="25602" creationId="{00000000-0000-0000-0000-000000000000}"/>
          </ac:picMkLst>
        </pc:picChg>
      </pc:sldChg>
      <pc:sldChg chg="addSp modSp mod">
        <pc:chgData name="Rosmorduc Vinca" userId="ad80fc01-cf55-4376-a825-a887c8046f05" providerId="ADAL" clId="{80D5D030-9CF5-498E-BB81-D71CBC01BD67}" dt="2020-11-16T15:32:39.475" v="161" actId="167"/>
        <pc:sldMkLst>
          <pc:docMk/>
          <pc:sldMk cId="0" sldId="343"/>
        </pc:sldMkLst>
        <pc:spChg chg="add mod">
          <ac:chgData name="Rosmorduc Vinca" userId="ad80fc01-cf55-4376-a825-a887c8046f05" providerId="ADAL" clId="{80D5D030-9CF5-498E-BB81-D71CBC01BD67}" dt="2020-11-16T15:31:35.523" v="159" actId="164"/>
          <ac:spMkLst>
            <pc:docMk/>
            <pc:sldMk cId="0" sldId="343"/>
            <ac:spMk id="6" creationId="{375B3DE7-EEBB-4251-BE91-EBE08950343E}"/>
          </ac:spMkLst>
        </pc:spChg>
        <pc:spChg chg="mod">
          <ac:chgData name="Rosmorduc Vinca" userId="ad80fc01-cf55-4376-a825-a887c8046f05" providerId="ADAL" clId="{80D5D030-9CF5-498E-BB81-D71CBC01BD67}" dt="2020-11-16T15:31:25.763" v="157" actId="207"/>
          <ac:spMkLst>
            <pc:docMk/>
            <pc:sldMk cId="0" sldId="343"/>
            <ac:spMk id="9" creationId="{F10CD77F-397F-4CD6-A103-DA7B39C55E27}"/>
          </ac:spMkLst>
        </pc:spChg>
        <pc:spChg chg="mod">
          <ac:chgData name="Rosmorduc Vinca" userId="ad80fc01-cf55-4376-a825-a887c8046f05" providerId="ADAL" clId="{80D5D030-9CF5-498E-BB81-D71CBC01BD67}" dt="2020-11-16T15:30:17.590" v="152" actId="207"/>
          <ac:spMkLst>
            <pc:docMk/>
            <pc:sldMk cId="0" sldId="343"/>
            <ac:spMk id="6146" creationId="{00000000-0000-0000-0000-000000000000}"/>
          </ac:spMkLst>
        </pc:spChg>
        <pc:grpChg chg="add mod ord">
          <ac:chgData name="Rosmorduc Vinca" userId="ad80fc01-cf55-4376-a825-a887c8046f05" providerId="ADAL" clId="{80D5D030-9CF5-498E-BB81-D71CBC01BD67}" dt="2020-11-16T15:32:39.475" v="161" actId="167"/>
          <ac:grpSpMkLst>
            <pc:docMk/>
            <pc:sldMk cId="0" sldId="343"/>
            <ac:grpSpMk id="4" creationId="{78388FE1-F2A4-4122-A3FB-87392E50D610}"/>
          </ac:grpSpMkLst>
        </pc:grpChg>
        <pc:grpChg chg="add mod">
          <ac:chgData name="Rosmorduc Vinca" userId="ad80fc01-cf55-4376-a825-a887c8046f05" providerId="ADAL" clId="{80D5D030-9CF5-498E-BB81-D71CBC01BD67}" dt="2020-11-16T15:31:35.523" v="159" actId="164"/>
          <ac:grpSpMkLst>
            <pc:docMk/>
            <pc:sldMk cId="0" sldId="343"/>
            <ac:grpSpMk id="7" creationId="{FAEEA2B6-1A6D-48FD-84B0-E52B57E11519}"/>
          </ac:grpSpMkLst>
        </pc:grpChg>
        <pc:picChg chg="add mod ord modCrop">
          <ac:chgData name="Rosmorduc Vinca" userId="ad80fc01-cf55-4376-a825-a887c8046f05" providerId="ADAL" clId="{80D5D030-9CF5-498E-BB81-D71CBC01BD67}" dt="2020-11-16T15:31:35.523" v="159" actId="164"/>
          <ac:picMkLst>
            <pc:docMk/>
            <pc:sldMk cId="0" sldId="343"/>
            <ac:picMk id="3" creationId="{152F8825-7A48-401C-896E-D58467C0CEFC}"/>
          </ac:picMkLst>
        </pc:picChg>
      </pc:sldChg>
      <pc:sldChg chg="delSp modSp mod">
        <pc:chgData name="Rosmorduc Vinca" userId="ad80fc01-cf55-4376-a825-a887c8046f05" providerId="ADAL" clId="{80D5D030-9CF5-498E-BB81-D71CBC01BD67}" dt="2020-11-16T15:33:45.859" v="233" actId="20577"/>
        <pc:sldMkLst>
          <pc:docMk/>
          <pc:sldMk cId="246926335" sldId="349"/>
        </pc:sldMkLst>
        <pc:spChg chg="mod">
          <ac:chgData name="Rosmorduc Vinca" userId="ad80fc01-cf55-4376-a825-a887c8046f05" providerId="ADAL" clId="{80D5D030-9CF5-498E-BB81-D71CBC01BD67}" dt="2020-11-16T15:33:45.859" v="233" actId="20577"/>
          <ac:spMkLst>
            <pc:docMk/>
            <pc:sldMk cId="246926335" sldId="349"/>
            <ac:spMk id="4" creationId="{2CDB8D17-9082-49AE-94BB-C18CC858C520}"/>
          </ac:spMkLst>
        </pc:spChg>
        <pc:spChg chg="del mod">
          <ac:chgData name="Rosmorduc Vinca" userId="ad80fc01-cf55-4376-a825-a887c8046f05" providerId="ADAL" clId="{80D5D030-9CF5-498E-BB81-D71CBC01BD67}" dt="2020-11-16T15:32:56.025" v="164" actId="478"/>
          <ac:spMkLst>
            <pc:docMk/>
            <pc:sldMk cId="246926335" sldId="349"/>
            <ac:spMk id="156" creationId="{14C1F3CB-CA04-4327-AE7B-7665E850D35A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536" creationId="{8B90800D-F49D-41B5-AC8F-097738F2CEA1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537" creationId="{C31146F6-8855-424D-A675-9A099941B971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538" creationId="{80942E57-E05D-4DC0-A0CB-2EE5B047B863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539" creationId="{666B5E10-BEF9-4A92-8A7F-C881CD2C6D2A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540" creationId="{000E2FA6-FB46-4B64-AA7E-F27C459E2318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541" creationId="{B851E857-379D-444F-B1BD-FB32A3FD20F2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542" creationId="{AF8F8290-B2EE-40DE-B159-C6F348B423C1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980" creationId="{F435C389-5473-4F29-B279-7786ADF10BF6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982" creationId="{5801A7BC-224B-4BCC-888B-A08CEB98285A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984" creationId="{300097E3-4BF4-4BCC-9AA5-E3EE0FBE7ACA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986" creationId="{B1CF4360-CF74-4ECB-AC63-F32E5BC3D019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988" creationId="{12047D1B-715E-41D8-8331-A364784F4F52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990" creationId="{0A2DA8E1-6C85-484B-AAAE-F277D8894717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998" creationId="{AA3F7551-688E-4159-AC17-A7D42FCB03A8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04" creationId="{74C2F61F-E4EB-4BF4-B86F-AE811C86AE5B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05" creationId="{C1A6C68A-37BB-49A8-9305-59DC7A8FE569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06" creationId="{69E90866-0A41-4B7B-AF0B-9B301AC15E8A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12" creationId="{C2551089-6A67-4F47-8848-1D443D75720D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13" creationId="{8E28C1B7-2DBE-4255-8765-A63863E656F4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14" creationId="{55B83EB2-E7BA-49B6-89F8-C5A2F368DB95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20" creationId="{EBF1DC92-4EF3-4EF3-9850-C9A55E0798C4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21" creationId="{E24A0CD3-99C1-4561-BEA5-ED480AA41009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22" creationId="{EAEC662F-8EDA-4A46-9884-DAEC9CBAF278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28" creationId="{763B8A50-5781-46C5-8A7E-082499819C09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29" creationId="{BFE657A1-89FE-4BCD-B35C-81F4862B8C73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30" creationId="{9A69854A-3E53-431C-9F57-1E1A66E46D66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36" creationId="{0B4FC796-F777-48C5-8A1F-557CFC54F800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37" creationId="{ABCB516A-B300-4A0D-9D23-88ABE76579DB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38" creationId="{9D7830FA-3C4A-47B2-8663-83C873465E56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44" creationId="{B6AA2A50-D8E1-4142-A985-A42FB4CC8922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45" creationId="{6021DB01-139C-4112-B922-99EEE6B7D7D9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46" creationId="{31DF4637-D048-437E-8873-60CC8C0B45D5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52" creationId="{5A49F869-F4BA-4AEA-A63C-4327BAAEA178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53" creationId="{5148DABC-D81A-4CB9-837A-2C2334598DD6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54" creationId="{FFB21605-69F5-4B25-8856-A8586C65122E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60" creationId="{CFDCC3EF-B2D9-4BEF-B4AE-EF391EA6E9A4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61" creationId="{C7653FBC-8366-461D-9102-2572D0338342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62" creationId="{E48F631C-7E02-4CBD-9640-0384C17669C4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68" creationId="{98DA79E5-FECF-4930-B921-AE9D4BADF078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69" creationId="{BE68BDE4-424D-4005-B03E-F74675838B63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70" creationId="{D6A6F727-6F54-4603-AF7E-B18BA354BDCC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76" creationId="{A265561D-8672-4B25-9009-BD2D6A6D1CD7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77" creationId="{3CB85637-6A38-4836-886B-3847F0382BAC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78" creationId="{EECA2EF8-A4E5-4FCB-A0AF-98DF50945C2C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84" creationId="{A0B0CB27-EA26-49D7-86F7-A5CD891DE010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85" creationId="{6B46CE82-5CBD-4DDA-B98D-9DCB0EDB12AF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86" creationId="{F90D7ACE-DE0A-45E5-B2D0-30395D10A5DA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92" creationId="{DCFDB5FC-5A72-42DE-8439-692A1BACD6E6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93" creationId="{5F780928-60B2-41E7-9B91-AD71E04316B5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094" creationId="{76CAA860-AF78-49FA-84F9-3E669BF03CA4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100" creationId="{953DC9E1-10A5-4574-AC7F-33210242C8B1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101" creationId="{8833ECD0-501C-411E-9A66-E03E5F3725A7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102" creationId="{C4FC18FE-D410-4A12-AC87-9BA60AA79A9A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108" creationId="{55A99C1C-E1C3-4406-A8FF-DD3335B4BFC7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109" creationId="{14AEDE16-A576-4165-8DCC-C7FBEB0EA598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110" creationId="{B41F8A26-14EF-4E26-B6DA-6EFBF919A01E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116" creationId="{1D8B52BB-A409-4E9F-A610-B4C1242557ED}"/>
          </ac:spMkLst>
        </pc:spChg>
        <pc:spChg chg="mod">
          <ac:chgData name="Rosmorduc Vinca" userId="ad80fc01-cf55-4376-a825-a887c8046f05" providerId="ADAL" clId="{80D5D030-9CF5-498E-BB81-D71CBC01BD67}" dt="2020-11-16T15:33:14.635" v="199" actId="1036"/>
          <ac:spMkLst>
            <pc:docMk/>
            <pc:sldMk cId="246926335" sldId="349"/>
            <ac:spMk id="1117" creationId="{1B0A9D6A-2921-4BD6-BC94-0CF7541425CE}"/>
          </ac:spMkLst>
        </pc:sp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543" creationId="{F62BF0D9-26F4-4A01-A002-F38FBDA9137F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800" creationId="{44B8F053-7EC2-4A36-8699-D7A7DB6E68AA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801" creationId="{5CCDF141-96C2-437F-ACE9-11DB77BE5687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802" creationId="{116AA96E-F424-4140-98C5-E3FD995BFDC4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803" creationId="{2CB67EF8-900C-4704-8411-E5D2E277015B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804" creationId="{FF4D8C4B-F725-456D-BFC5-F232632C7FFE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805" creationId="{0A32C7A4-A0C0-4E7E-BFD8-AFBE77C1C316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806" creationId="{81480E88-C4AA-4C10-B112-60BCA0918BE2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807" creationId="{FA8E1005-9F85-4DB0-ACC0-405413E9D709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81" creationId="{544C0294-A089-4B1F-8F61-6433786F8B45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83" creationId="{9A07DD7E-7B43-425A-B7E6-36B4FD3C9CBF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85" creationId="{FA2ABA93-3B5C-433D-B61D-8D2CF8249A86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87" creationId="{532F6684-DD53-452D-ABE1-26C6592ED7C8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89" creationId="{0491B842-3FC4-4743-818B-544648483792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91" creationId="{69FCF171-3B07-4761-9198-6B16EB12E418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92" creationId="{99FFE817-7432-4938-A4AD-22DBFFEA5964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93" creationId="{4C519DA0-2299-4BF0-A404-18B015AF1DD7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94" creationId="{0B4C784F-A6CF-4D50-AC23-15AF2D263275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95" creationId="{B3EE6587-23F9-4E48-9CB9-24B65CD9B5EA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96" creationId="{7BC8DFD9-5C84-4652-9416-50F21112B5BF}"/>
          </ac:cxnSpMkLst>
        </pc:cxnChg>
        <pc:cxnChg chg="mod">
          <ac:chgData name="Rosmorduc Vinca" userId="ad80fc01-cf55-4376-a825-a887c8046f05" providerId="ADAL" clId="{80D5D030-9CF5-498E-BB81-D71CBC01BD67}" dt="2020-11-16T15:33:14.635" v="199" actId="1036"/>
          <ac:cxnSpMkLst>
            <pc:docMk/>
            <pc:sldMk cId="246926335" sldId="349"/>
            <ac:cxnSpMk id="997" creationId="{B496102D-8E39-4B70-B40A-D91466CE4205}"/>
          </ac:cxnSpMkLst>
        </pc:cxnChg>
      </pc:sldChg>
      <pc:sldChg chg="addSp delSp modSp new mod">
        <pc:chgData name="Rosmorduc Vinca" userId="ad80fc01-cf55-4376-a825-a887c8046f05" providerId="ADAL" clId="{80D5D030-9CF5-498E-BB81-D71CBC01BD67}" dt="2020-11-16T15:27:42.567" v="142" actId="164"/>
        <pc:sldMkLst>
          <pc:docMk/>
          <pc:sldMk cId="2987269871" sldId="353"/>
        </pc:sldMkLst>
        <pc:spChg chg="del">
          <ac:chgData name="Rosmorduc Vinca" userId="ad80fc01-cf55-4376-a825-a887c8046f05" providerId="ADAL" clId="{80D5D030-9CF5-498E-BB81-D71CBC01BD67}" dt="2020-11-16T15:26:02.151" v="41"/>
          <ac:spMkLst>
            <pc:docMk/>
            <pc:sldMk cId="2987269871" sldId="353"/>
            <ac:spMk id="2" creationId="{83B0298F-2B0D-496B-8AE5-79FC1E84C8C4}"/>
          </ac:spMkLst>
        </pc:spChg>
        <pc:spChg chg="del">
          <ac:chgData name="Rosmorduc Vinca" userId="ad80fc01-cf55-4376-a825-a887c8046f05" providerId="ADAL" clId="{80D5D030-9CF5-498E-BB81-D71CBC01BD67}" dt="2020-11-16T15:26:02.151" v="41"/>
          <ac:spMkLst>
            <pc:docMk/>
            <pc:sldMk cId="2987269871" sldId="353"/>
            <ac:spMk id="3" creationId="{50CE2C01-B57F-417B-A2DB-B7F0300710CF}"/>
          </ac:spMkLst>
        </pc:spChg>
        <pc:spChg chg="add del">
          <ac:chgData name="Rosmorduc Vinca" userId="ad80fc01-cf55-4376-a825-a887c8046f05" providerId="ADAL" clId="{80D5D030-9CF5-498E-BB81-D71CBC01BD67}" dt="2020-11-16T15:26:07.859" v="43" actId="478"/>
          <ac:spMkLst>
            <pc:docMk/>
            <pc:sldMk cId="2987269871" sldId="353"/>
            <ac:spMk id="4" creationId="{49AA58DA-7157-47C0-8D89-CF7EC10FBDE6}"/>
          </ac:spMkLst>
        </pc:spChg>
        <pc:spChg chg="add mod">
          <ac:chgData name="Rosmorduc Vinca" userId="ad80fc01-cf55-4376-a825-a887c8046f05" providerId="ADAL" clId="{80D5D030-9CF5-498E-BB81-D71CBC01BD67}" dt="2020-11-16T15:27:42.567" v="142" actId="164"/>
          <ac:spMkLst>
            <pc:docMk/>
            <pc:sldMk cId="2987269871" sldId="353"/>
            <ac:spMk id="7" creationId="{4B7636A5-671A-4507-B963-FC7A420E8607}"/>
          </ac:spMkLst>
        </pc:spChg>
        <pc:grpChg chg="add mod">
          <ac:chgData name="Rosmorduc Vinca" userId="ad80fc01-cf55-4376-a825-a887c8046f05" providerId="ADAL" clId="{80D5D030-9CF5-498E-BB81-D71CBC01BD67}" dt="2020-11-16T15:27:42.567" v="142" actId="164"/>
          <ac:grpSpMkLst>
            <pc:docMk/>
            <pc:sldMk cId="2987269871" sldId="353"/>
            <ac:grpSpMk id="8" creationId="{6E7DAEED-FD3A-430C-A036-E3DD6ECBE109}"/>
          </ac:grpSpMkLst>
        </pc:grpChg>
        <pc:picChg chg="add mod">
          <ac:chgData name="Rosmorduc Vinca" userId="ad80fc01-cf55-4376-a825-a887c8046f05" providerId="ADAL" clId="{80D5D030-9CF5-498E-BB81-D71CBC01BD67}" dt="2020-11-16T15:27:42.567" v="142" actId="164"/>
          <ac:picMkLst>
            <pc:docMk/>
            <pc:sldMk cId="2987269871" sldId="353"/>
            <ac:picMk id="6" creationId="{D12CFCDE-D949-425E-966A-871FCA669EEF}"/>
          </ac:picMkLst>
        </pc:picChg>
      </pc:sldChg>
    </pc:docChg>
  </pc:docChgLst>
  <pc:docChgLst>
    <pc:chgData name="Rosmorduc Vinca" userId="ad80fc01-cf55-4376-a825-a887c8046f05" providerId="ADAL" clId="{6DFA3DFD-3D97-4AEA-BA5A-0C498F14E82B}"/>
    <pc:docChg chg="modSld sldOrd">
      <pc:chgData name="Rosmorduc Vinca" userId="ad80fc01-cf55-4376-a825-a887c8046f05" providerId="ADAL" clId="{6DFA3DFD-3D97-4AEA-BA5A-0C498F14E82B}" dt="2020-11-17T07:54:59.565" v="75"/>
      <pc:docMkLst>
        <pc:docMk/>
      </pc:docMkLst>
      <pc:sldChg chg="modSp mod">
        <pc:chgData name="Rosmorduc Vinca" userId="ad80fc01-cf55-4376-a825-a887c8046f05" providerId="ADAL" clId="{6DFA3DFD-3D97-4AEA-BA5A-0C498F14E82B}" dt="2020-11-17T07:45:59.236" v="5" actId="20577"/>
        <pc:sldMkLst>
          <pc:docMk/>
          <pc:sldMk cId="0" sldId="324"/>
        </pc:sldMkLst>
        <pc:spChg chg="mod">
          <ac:chgData name="Rosmorduc Vinca" userId="ad80fc01-cf55-4376-a825-a887c8046f05" providerId="ADAL" clId="{6DFA3DFD-3D97-4AEA-BA5A-0C498F14E82B}" dt="2020-11-17T07:45:59.236" v="5" actId="20577"/>
          <ac:spMkLst>
            <pc:docMk/>
            <pc:sldMk cId="0" sldId="324"/>
            <ac:spMk id="19459" creationId="{00000000-0000-0000-0000-000000000000}"/>
          </ac:spMkLst>
        </pc:spChg>
      </pc:sldChg>
      <pc:sldChg chg="modSp mod">
        <pc:chgData name="Rosmorduc Vinca" userId="ad80fc01-cf55-4376-a825-a887c8046f05" providerId="ADAL" clId="{6DFA3DFD-3D97-4AEA-BA5A-0C498F14E82B}" dt="2020-11-17T07:46:20.093" v="32" actId="20577"/>
        <pc:sldMkLst>
          <pc:docMk/>
          <pc:sldMk cId="0" sldId="329"/>
        </pc:sldMkLst>
        <pc:spChg chg="mod">
          <ac:chgData name="Rosmorduc Vinca" userId="ad80fc01-cf55-4376-a825-a887c8046f05" providerId="ADAL" clId="{6DFA3DFD-3D97-4AEA-BA5A-0C498F14E82B}" dt="2020-11-17T07:46:20.093" v="32" actId="20577"/>
          <ac:spMkLst>
            <pc:docMk/>
            <pc:sldMk cId="0" sldId="329"/>
            <ac:spMk id="22531" creationId="{00000000-0000-0000-0000-000000000000}"/>
          </ac:spMkLst>
        </pc:spChg>
      </pc:sldChg>
      <pc:sldChg chg="modSp mod">
        <pc:chgData name="Rosmorduc Vinca" userId="ad80fc01-cf55-4376-a825-a887c8046f05" providerId="ADAL" clId="{6DFA3DFD-3D97-4AEA-BA5A-0C498F14E82B}" dt="2020-11-17T07:54:24.127" v="71" actId="790"/>
        <pc:sldMkLst>
          <pc:docMk/>
          <pc:sldMk cId="0" sldId="332"/>
        </pc:sldMkLst>
        <pc:spChg chg="mod">
          <ac:chgData name="Rosmorduc Vinca" userId="ad80fc01-cf55-4376-a825-a887c8046f05" providerId="ADAL" clId="{6DFA3DFD-3D97-4AEA-BA5A-0C498F14E82B}" dt="2020-11-17T07:50:34.816" v="59" actId="790"/>
          <ac:spMkLst>
            <pc:docMk/>
            <pc:sldMk cId="0" sldId="332"/>
            <ac:spMk id="26626" creationId="{00000000-0000-0000-0000-000000000000}"/>
          </ac:spMkLst>
        </pc:spChg>
        <pc:spChg chg="mod">
          <ac:chgData name="Rosmorduc Vinca" userId="ad80fc01-cf55-4376-a825-a887c8046f05" providerId="ADAL" clId="{6DFA3DFD-3D97-4AEA-BA5A-0C498F14E82B}" dt="2020-11-17T07:54:24.127" v="71" actId="790"/>
          <ac:spMkLst>
            <pc:docMk/>
            <pc:sldMk cId="0" sldId="332"/>
            <ac:spMk id="26627" creationId="{00000000-0000-0000-0000-000000000000}"/>
          </ac:spMkLst>
        </pc:spChg>
      </pc:sldChg>
      <pc:sldChg chg="modSp mod">
        <pc:chgData name="Rosmorduc Vinca" userId="ad80fc01-cf55-4376-a825-a887c8046f05" providerId="ADAL" clId="{6DFA3DFD-3D97-4AEA-BA5A-0C498F14E82B}" dt="2020-11-17T07:50:21.051" v="58" actId="790"/>
        <pc:sldMkLst>
          <pc:docMk/>
          <pc:sldMk cId="0" sldId="334"/>
        </pc:sldMkLst>
        <pc:spChg chg="mod">
          <ac:chgData name="Rosmorduc Vinca" userId="ad80fc01-cf55-4376-a825-a887c8046f05" providerId="ADAL" clId="{6DFA3DFD-3D97-4AEA-BA5A-0C498F14E82B}" dt="2020-11-17T07:50:21.051" v="58" actId="790"/>
          <ac:spMkLst>
            <pc:docMk/>
            <pc:sldMk cId="0" sldId="334"/>
            <ac:spMk id="25604" creationId="{00000000-0000-0000-0000-000000000000}"/>
          </ac:spMkLst>
        </pc:spChg>
      </pc:sldChg>
      <pc:sldChg chg="ord">
        <pc:chgData name="Rosmorduc Vinca" userId="ad80fc01-cf55-4376-a825-a887c8046f05" providerId="ADAL" clId="{6DFA3DFD-3D97-4AEA-BA5A-0C498F14E82B}" dt="2020-11-17T07:54:59.565" v="75"/>
        <pc:sldMkLst>
          <pc:docMk/>
          <pc:sldMk cId="2987269871" sldId="353"/>
        </pc:sldMkLst>
      </pc:sldChg>
    </pc:docChg>
  </pc:docChgLst>
  <pc:docChgLst>
    <pc:chgData name="Rosmorduc Vinca" userId="ad80fc01-cf55-4376-a825-a887c8046f05" providerId="ADAL" clId="{7C70EBA2-C937-4E84-9000-45C3935ABE67}"/>
    <pc:docChg chg="custSel addSld modSld">
      <pc:chgData name="Rosmorduc Vinca" userId="ad80fc01-cf55-4376-a825-a887c8046f05" providerId="ADAL" clId="{7C70EBA2-C937-4E84-9000-45C3935ABE67}" dt="2020-11-26T14:39:12.937" v="7"/>
      <pc:docMkLst>
        <pc:docMk/>
      </pc:docMkLst>
      <pc:sldChg chg="addSp delSp modSp mod">
        <pc:chgData name="Rosmorduc Vinca" userId="ad80fc01-cf55-4376-a825-a887c8046f05" providerId="ADAL" clId="{7C70EBA2-C937-4E84-9000-45C3935ABE67}" dt="2020-11-26T14:39:07.055" v="6" actId="167"/>
        <pc:sldMkLst>
          <pc:docMk/>
          <pc:sldMk cId="0" sldId="343"/>
        </pc:sldMkLst>
        <pc:spChg chg="mod">
          <ac:chgData name="Rosmorduc Vinca" userId="ad80fc01-cf55-4376-a825-a887c8046f05" providerId="ADAL" clId="{7C70EBA2-C937-4E84-9000-45C3935ABE67}" dt="2020-11-26T14:38:36.322" v="2" actId="207"/>
          <ac:spMkLst>
            <pc:docMk/>
            <pc:sldMk cId="0" sldId="343"/>
            <ac:spMk id="6146" creationId="{00000000-0000-0000-0000-000000000000}"/>
          </ac:spMkLst>
        </pc:spChg>
        <pc:grpChg chg="add ord">
          <ac:chgData name="Rosmorduc Vinca" userId="ad80fc01-cf55-4376-a825-a887c8046f05" providerId="ADAL" clId="{7C70EBA2-C937-4E84-9000-45C3935ABE67}" dt="2020-11-26T14:39:07.055" v="6" actId="167"/>
          <ac:grpSpMkLst>
            <pc:docMk/>
            <pc:sldMk cId="0" sldId="343"/>
            <ac:grpSpMk id="6" creationId="{0B15C7B8-52EB-4609-82CA-FEB00718D25E}"/>
          </ac:grpSpMkLst>
        </pc:grpChg>
        <pc:picChg chg="add del ord">
          <ac:chgData name="Rosmorduc Vinca" userId="ad80fc01-cf55-4376-a825-a887c8046f05" providerId="ADAL" clId="{7C70EBA2-C937-4E84-9000-45C3935ABE67}" dt="2020-11-26T14:38:59.990" v="3" actId="478"/>
          <ac:picMkLst>
            <pc:docMk/>
            <pc:sldMk cId="0" sldId="343"/>
            <ac:picMk id="4" creationId="{D658B6D1-E3C2-46EB-BDFD-2555616B4EE9}"/>
          </ac:picMkLst>
        </pc:picChg>
        <pc:picChg chg="ord">
          <ac:chgData name="Rosmorduc Vinca" userId="ad80fc01-cf55-4376-a825-a887c8046f05" providerId="ADAL" clId="{7C70EBA2-C937-4E84-9000-45C3935ABE67}" dt="2020-11-26T14:39:03.561" v="5" actId="167"/>
          <ac:picMkLst>
            <pc:docMk/>
            <pc:sldMk cId="0" sldId="343"/>
            <ac:picMk id="7" creationId="{649D6CFA-8B1F-4287-813E-58318D24B0E6}"/>
          </ac:picMkLst>
        </pc:picChg>
      </pc:sldChg>
      <pc:sldChg chg="add">
        <pc:chgData name="Rosmorduc Vinca" userId="ad80fc01-cf55-4376-a825-a887c8046f05" providerId="ADAL" clId="{7C70EBA2-C937-4E84-9000-45C3935ABE67}" dt="2020-11-26T14:39:12.937" v="7"/>
        <pc:sldMkLst>
          <pc:docMk/>
          <pc:sldMk cId="2987269871" sldId="354"/>
        </pc:sldMkLst>
      </pc:sldChg>
    </pc:docChg>
  </pc:docChgLst>
  <pc:docChgLst>
    <pc:chgData name="Rosmorduc Vinca" userId="ad80fc01-cf55-4376-a825-a887c8046f05" providerId="ADAL" clId="{60EAA2C3-A465-415C-ABE7-E895AC2F3DC8}"/>
    <pc:docChg chg="undo custSel modSld">
      <pc:chgData name="Rosmorduc Vinca" userId="ad80fc01-cf55-4376-a825-a887c8046f05" providerId="ADAL" clId="{60EAA2C3-A465-415C-ABE7-E895AC2F3DC8}" dt="2020-11-16T12:13:31.840" v="423"/>
      <pc:docMkLst>
        <pc:docMk/>
      </pc:docMkLst>
      <pc:sldChg chg="addSp delSp modSp mod">
        <pc:chgData name="Rosmorduc Vinca" userId="ad80fc01-cf55-4376-a825-a887c8046f05" providerId="ADAL" clId="{60EAA2C3-A465-415C-ABE7-E895AC2F3DC8}" dt="2020-11-16T11:59:00.550" v="102" actId="20577"/>
        <pc:sldMkLst>
          <pc:docMk/>
          <pc:sldMk cId="0" sldId="307"/>
        </pc:sldMkLst>
        <pc:spChg chg="add del mod">
          <ac:chgData name="Rosmorduc Vinca" userId="ad80fc01-cf55-4376-a825-a887c8046f05" providerId="ADAL" clId="{60EAA2C3-A465-415C-ABE7-E895AC2F3DC8}" dt="2020-11-16T11:57:39.676" v="71"/>
          <ac:spMkLst>
            <pc:docMk/>
            <pc:sldMk cId="0" sldId="307"/>
            <ac:spMk id="2" creationId="{E70D9DFE-AAB3-4CC2-B63A-C9224AF9C573}"/>
          </ac:spMkLst>
        </pc:spChg>
        <pc:spChg chg="add del mod">
          <ac:chgData name="Rosmorduc Vinca" userId="ad80fc01-cf55-4376-a825-a887c8046f05" providerId="ADAL" clId="{60EAA2C3-A465-415C-ABE7-E895AC2F3DC8}" dt="2020-11-16T11:57:39.676" v="71"/>
          <ac:spMkLst>
            <pc:docMk/>
            <pc:sldMk cId="0" sldId="307"/>
            <ac:spMk id="3" creationId="{C3089C78-E91C-492A-B54F-EDBB3405F4EC}"/>
          </ac:spMkLst>
        </pc:spChg>
        <pc:spChg chg="mod">
          <ac:chgData name="Rosmorduc Vinca" userId="ad80fc01-cf55-4376-a825-a887c8046f05" providerId="ADAL" clId="{60EAA2C3-A465-415C-ABE7-E895AC2F3DC8}" dt="2020-11-16T11:59:00.550" v="102" actId="20577"/>
          <ac:spMkLst>
            <pc:docMk/>
            <pc:sldMk cId="0" sldId="307"/>
            <ac:spMk id="13315" creationId="{00000000-0000-0000-0000-000000000000}"/>
          </ac:spMkLst>
        </pc:spChg>
      </pc:sldChg>
      <pc:sldChg chg="addSp delSp modSp mod">
        <pc:chgData name="Rosmorduc Vinca" userId="ad80fc01-cf55-4376-a825-a887c8046f05" providerId="ADAL" clId="{60EAA2C3-A465-415C-ABE7-E895AC2F3DC8}" dt="2020-11-16T12:13:10.175" v="421" actId="403"/>
        <pc:sldMkLst>
          <pc:docMk/>
          <pc:sldMk cId="0" sldId="308"/>
        </pc:sldMkLst>
        <pc:spChg chg="add del mod">
          <ac:chgData name="Rosmorduc Vinca" userId="ad80fc01-cf55-4376-a825-a887c8046f05" providerId="ADAL" clId="{60EAA2C3-A465-415C-ABE7-E895AC2F3DC8}" dt="2020-11-16T11:59:16.183" v="103"/>
          <ac:spMkLst>
            <pc:docMk/>
            <pc:sldMk cId="0" sldId="308"/>
            <ac:spMk id="2" creationId="{853775C7-A2C4-47A7-BC95-59AABB2F5086}"/>
          </ac:spMkLst>
        </pc:spChg>
        <pc:spChg chg="add del mod">
          <ac:chgData name="Rosmorduc Vinca" userId="ad80fc01-cf55-4376-a825-a887c8046f05" providerId="ADAL" clId="{60EAA2C3-A465-415C-ABE7-E895AC2F3DC8}" dt="2020-11-16T11:59:16.183" v="103"/>
          <ac:spMkLst>
            <pc:docMk/>
            <pc:sldMk cId="0" sldId="308"/>
            <ac:spMk id="3" creationId="{EA2CB143-E51E-437B-9BDE-2236A55AA3E2}"/>
          </ac:spMkLst>
        </pc:spChg>
        <pc:spChg chg="mod">
          <ac:chgData name="Rosmorduc Vinca" userId="ad80fc01-cf55-4376-a825-a887c8046f05" providerId="ADAL" clId="{60EAA2C3-A465-415C-ABE7-E895AC2F3DC8}" dt="2020-11-16T12:13:10.175" v="421" actId="403"/>
          <ac:spMkLst>
            <pc:docMk/>
            <pc:sldMk cId="0" sldId="308"/>
            <ac:spMk id="14339" creationId="{00000000-0000-0000-0000-000000000000}"/>
          </ac:spMkLst>
        </pc:spChg>
        <pc:picChg chg="mod">
          <ac:chgData name="Rosmorduc Vinca" userId="ad80fc01-cf55-4376-a825-a887c8046f05" providerId="ADAL" clId="{60EAA2C3-A465-415C-ABE7-E895AC2F3DC8}" dt="2020-11-16T12:00:06.158" v="123" actId="1076"/>
          <ac:picMkLst>
            <pc:docMk/>
            <pc:sldMk cId="0" sldId="308"/>
            <ac:picMk id="14340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60EAA2C3-A465-415C-ABE7-E895AC2F3DC8}" dt="2020-11-16T12:01:11.508" v="142" actId="14100"/>
        <pc:sldMkLst>
          <pc:docMk/>
          <pc:sldMk cId="0" sldId="310"/>
        </pc:sldMkLst>
        <pc:spChg chg="mod">
          <ac:chgData name="Rosmorduc Vinca" userId="ad80fc01-cf55-4376-a825-a887c8046f05" providerId="ADAL" clId="{60EAA2C3-A465-415C-ABE7-E895AC2F3DC8}" dt="2020-11-16T12:01:11.508" v="142" actId="14100"/>
          <ac:spMkLst>
            <pc:docMk/>
            <pc:sldMk cId="0" sldId="310"/>
            <ac:spMk id="2" creationId="{A00630CC-338C-4758-A6C6-2147C7B3CB89}"/>
          </ac:spMkLst>
        </pc:spChg>
        <pc:spChg chg="add del mod">
          <ac:chgData name="Rosmorduc Vinca" userId="ad80fc01-cf55-4376-a825-a887c8046f05" providerId="ADAL" clId="{60EAA2C3-A465-415C-ABE7-E895AC2F3DC8}" dt="2020-11-16T12:00:14.652" v="124"/>
          <ac:spMkLst>
            <pc:docMk/>
            <pc:sldMk cId="0" sldId="310"/>
            <ac:spMk id="3" creationId="{B8328E09-6D91-4009-A3C1-D59620AB18DF}"/>
          </ac:spMkLst>
        </pc:spChg>
        <pc:spChg chg="add del mod">
          <ac:chgData name="Rosmorduc Vinca" userId="ad80fc01-cf55-4376-a825-a887c8046f05" providerId="ADAL" clId="{60EAA2C3-A465-415C-ABE7-E895AC2F3DC8}" dt="2020-11-16T12:00:14.652" v="124"/>
          <ac:spMkLst>
            <pc:docMk/>
            <pc:sldMk cId="0" sldId="310"/>
            <ac:spMk id="4" creationId="{9C42B353-1794-44B6-BE07-881C1F9FF09D}"/>
          </ac:spMkLst>
        </pc:spChg>
        <pc:spChg chg="mod">
          <ac:chgData name="Rosmorduc Vinca" userId="ad80fc01-cf55-4376-a825-a887c8046f05" providerId="ADAL" clId="{60EAA2C3-A465-415C-ABE7-E895AC2F3DC8}" dt="2020-11-16T12:01:07.510" v="141" actId="20577"/>
          <ac:spMkLst>
            <pc:docMk/>
            <pc:sldMk cId="0" sldId="310"/>
            <ac:spMk id="16387" creationId="{00000000-0000-0000-0000-000000000000}"/>
          </ac:spMkLst>
        </pc:spChg>
      </pc:sldChg>
      <pc:sldChg chg="addSp delSp modSp mod">
        <pc:chgData name="Rosmorduc Vinca" userId="ad80fc01-cf55-4376-a825-a887c8046f05" providerId="ADAL" clId="{60EAA2C3-A465-415C-ABE7-E895AC2F3DC8}" dt="2020-11-16T12:02:04.636" v="178" actId="20577"/>
        <pc:sldMkLst>
          <pc:docMk/>
          <pc:sldMk cId="0" sldId="312"/>
        </pc:sldMkLst>
        <pc:spChg chg="add del mod">
          <ac:chgData name="Rosmorduc Vinca" userId="ad80fc01-cf55-4376-a825-a887c8046f05" providerId="ADAL" clId="{60EAA2C3-A465-415C-ABE7-E895AC2F3DC8}" dt="2020-11-16T12:01:20.153" v="143"/>
          <ac:spMkLst>
            <pc:docMk/>
            <pc:sldMk cId="0" sldId="312"/>
            <ac:spMk id="2" creationId="{EBB96613-E882-4768-927C-CA0DE30251D5}"/>
          </ac:spMkLst>
        </pc:spChg>
        <pc:spChg chg="add del mod">
          <ac:chgData name="Rosmorduc Vinca" userId="ad80fc01-cf55-4376-a825-a887c8046f05" providerId="ADAL" clId="{60EAA2C3-A465-415C-ABE7-E895AC2F3DC8}" dt="2020-11-16T12:01:20.153" v="143"/>
          <ac:spMkLst>
            <pc:docMk/>
            <pc:sldMk cId="0" sldId="312"/>
            <ac:spMk id="3" creationId="{831C9FCC-6FBC-474A-AC1F-7839F71BD172}"/>
          </ac:spMkLst>
        </pc:spChg>
        <pc:spChg chg="mod">
          <ac:chgData name="Rosmorduc Vinca" userId="ad80fc01-cf55-4376-a825-a887c8046f05" providerId="ADAL" clId="{60EAA2C3-A465-415C-ABE7-E895AC2F3DC8}" dt="2020-11-16T12:02:04.636" v="178" actId="20577"/>
          <ac:spMkLst>
            <pc:docMk/>
            <pc:sldMk cId="0" sldId="312"/>
            <ac:spMk id="17412" creationId="{00000000-0000-0000-0000-000000000000}"/>
          </ac:spMkLst>
        </pc:spChg>
      </pc:sldChg>
      <pc:sldChg chg="addSp delSp modSp mod">
        <pc:chgData name="Rosmorduc Vinca" userId="ad80fc01-cf55-4376-a825-a887c8046f05" providerId="ADAL" clId="{60EAA2C3-A465-415C-ABE7-E895AC2F3DC8}" dt="2020-11-16T12:02:47.992" v="201" actId="20577"/>
        <pc:sldMkLst>
          <pc:docMk/>
          <pc:sldMk cId="0" sldId="318"/>
        </pc:sldMkLst>
        <pc:spChg chg="add del mod">
          <ac:chgData name="Rosmorduc Vinca" userId="ad80fc01-cf55-4376-a825-a887c8046f05" providerId="ADAL" clId="{60EAA2C3-A465-415C-ABE7-E895AC2F3DC8}" dt="2020-11-16T12:02:15.944" v="179"/>
          <ac:spMkLst>
            <pc:docMk/>
            <pc:sldMk cId="0" sldId="318"/>
            <ac:spMk id="2" creationId="{9BE1FBF2-D054-483C-9CE5-E227A9071C73}"/>
          </ac:spMkLst>
        </pc:spChg>
        <pc:spChg chg="add del mod">
          <ac:chgData name="Rosmorduc Vinca" userId="ad80fc01-cf55-4376-a825-a887c8046f05" providerId="ADAL" clId="{60EAA2C3-A465-415C-ABE7-E895AC2F3DC8}" dt="2020-11-16T12:02:15.944" v="179"/>
          <ac:spMkLst>
            <pc:docMk/>
            <pc:sldMk cId="0" sldId="318"/>
            <ac:spMk id="3" creationId="{FF208E6D-D252-43B7-92E4-E3DD86A8E006}"/>
          </ac:spMkLst>
        </pc:spChg>
        <pc:spChg chg="mod">
          <ac:chgData name="Rosmorduc Vinca" userId="ad80fc01-cf55-4376-a825-a887c8046f05" providerId="ADAL" clId="{60EAA2C3-A465-415C-ABE7-E895AC2F3DC8}" dt="2020-11-16T12:02:47.992" v="201" actId="20577"/>
          <ac:spMkLst>
            <pc:docMk/>
            <pc:sldMk cId="0" sldId="318"/>
            <ac:spMk id="18435" creationId="{00000000-0000-0000-0000-000000000000}"/>
          </ac:spMkLst>
        </pc:spChg>
      </pc:sldChg>
      <pc:sldChg chg="addSp delSp modSp mod">
        <pc:chgData name="Rosmorduc Vinca" userId="ad80fc01-cf55-4376-a825-a887c8046f05" providerId="ADAL" clId="{60EAA2C3-A465-415C-ABE7-E895AC2F3DC8}" dt="2020-11-16T12:03:39.378" v="250" actId="404"/>
        <pc:sldMkLst>
          <pc:docMk/>
          <pc:sldMk cId="0" sldId="324"/>
        </pc:sldMkLst>
        <pc:spChg chg="add del mod">
          <ac:chgData name="Rosmorduc Vinca" userId="ad80fc01-cf55-4376-a825-a887c8046f05" providerId="ADAL" clId="{60EAA2C3-A465-415C-ABE7-E895AC2F3DC8}" dt="2020-11-16T12:02:57.080" v="202"/>
          <ac:spMkLst>
            <pc:docMk/>
            <pc:sldMk cId="0" sldId="324"/>
            <ac:spMk id="2" creationId="{AAD6EF07-2903-4954-9263-6E7065F90D68}"/>
          </ac:spMkLst>
        </pc:spChg>
        <pc:spChg chg="add del mod">
          <ac:chgData name="Rosmorduc Vinca" userId="ad80fc01-cf55-4376-a825-a887c8046f05" providerId="ADAL" clId="{60EAA2C3-A465-415C-ABE7-E895AC2F3DC8}" dt="2020-11-16T12:02:57.080" v="202"/>
          <ac:spMkLst>
            <pc:docMk/>
            <pc:sldMk cId="0" sldId="324"/>
            <ac:spMk id="3" creationId="{D5912237-F561-4AE2-8E62-DA4F57358D7A}"/>
          </ac:spMkLst>
        </pc:spChg>
        <pc:spChg chg="mod">
          <ac:chgData name="Rosmorduc Vinca" userId="ad80fc01-cf55-4376-a825-a887c8046f05" providerId="ADAL" clId="{60EAA2C3-A465-415C-ABE7-E895AC2F3DC8}" dt="2020-11-16T12:03:39.378" v="250" actId="404"/>
          <ac:spMkLst>
            <pc:docMk/>
            <pc:sldMk cId="0" sldId="324"/>
            <ac:spMk id="19459" creationId="{00000000-0000-0000-0000-000000000000}"/>
          </ac:spMkLst>
        </pc:spChg>
      </pc:sldChg>
      <pc:sldChg chg="addSp delSp modSp mod">
        <pc:chgData name="Rosmorduc Vinca" userId="ad80fc01-cf55-4376-a825-a887c8046f05" providerId="ADAL" clId="{60EAA2C3-A465-415C-ABE7-E895AC2F3DC8}" dt="2020-11-16T12:05:32.192" v="275" actId="790"/>
        <pc:sldMkLst>
          <pc:docMk/>
          <pc:sldMk cId="0" sldId="328"/>
        </pc:sldMkLst>
        <pc:spChg chg="add del mod">
          <ac:chgData name="Rosmorduc Vinca" userId="ad80fc01-cf55-4376-a825-a887c8046f05" providerId="ADAL" clId="{60EAA2C3-A465-415C-ABE7-E895AC2F3DC8}" dt="2020-11-16T12:03:47.665" v="251"/>
          <ac:spMkLst>
            <pc:docMk/>
            <pc:sldMk cId="0" sldId="328"/>
            <ac:spMk id="2" creationId="{B7157A19-C634-4F9E-92BF-730174DF5115}"/>
          </ac:spMkLst>
        </pc:spChg>
        <pc:spChg chg="add del mod">
          <ac:chgData name="Rosmorduc Vinca" userId="ad80fc01-cf55-4376-a825-a887c8046f05" providerId="ADAL" clId="{60EAA2C3-A465-415C-ABE7-E895AC2F3DC8}" dt="2020-11-16T12:03:47.665" v="251"/>
          <ac:spMkLst>
            <pc:docMk/>
            <pc:sldMk cId="0" sldId="328"/>
            <ac:spMk id="3" creationId="{7E111206-9AD9-442F-AD2A-8C4604BC4D29}"/>
          </ac:spMkLst>
        </pc:spChg>
        <pc:spChg chg="mod">
          <ac:chgData name="Rosmorduc Vinca" userId="ad80fc01-cf55-4376-a825-a887c8046f05" providerId="ADAL" clId="{60EAA2C3-A465-415C-ABE7-E895AC2F3DC8}" dt="2020-11-16T12:05:32.192" v="275" actId="790"/>
          <ac:spMkLst>
            <pc:docMk/>
            <pc:sldMk cId="0" sldId="328"/>
            <ac:spMk id="21507" creationId="{00000000-0000-0000-0000-000000000000}"/>
          </ac:spMkLst>
        </pc:spChg>
      </pc:sldChg>
      <pc:sldChg chg="addSp delSp modSp mod">
        <pc:chgData name="Rosmorduc Vinca" userId="ad80fc01-cf55-4376-a825-a887c8046f05" providerId="ADAL" clId="{60EAA2C3-A465-415C-ABE7-E895AC2F3DC8}" dt="2020-11-16T12:08:38.718" v="339" actId="6549"/>
        <pc:sldMkLst>
          <pc:docMk/>
          <pc:sldMk cId="0" sldId="329"/>
        </pc:sldMkLst>
        <pc:spChg chg="add del mod">
          <ac:chgData name="Rosmorduc Vinca" userId="ad80fc01-cf55-4376-a825-a887c8046f05" providerId="ADAL" clId="{60EAA2C3-A465-415C-ABE7-E895AC2F3DC8}" dt="2020-11-16T12:05:56.930" v="276"/>
          <ac:spMkLst>
            <pc:docMk/>
            <pc:sldMk cId="0" sldId="329"/>
            <ac:spMk id="2" creationId="{3C4215FF-C335-4E54-94F7-EDBCF43172D5}"/>
          </ac:spMkLst>
        </pc:spChg>
        <pc:spChg chg="add del mod">
          <ac:chgData name="Rosmorduc Vinca" userId="ad80fc01-cf55-4376-a825-a887c8046f05" providerId="ADAL" clId="{60EAA2C3-A465-415C-ABE7-E895AC2F3DC8}" dt="2020-11-16T12:05:56.930" v="276"/>
          <ac:spMkLst>
            <pc:docMk/>
            <pc:sldMk cId="0" sldId="329"/>
            <ac:spMk id="3" creationId="{BDF1778E-DF48-4501-ADAB-FD446D25A981}"/>
          </ac:spMkLst>
        </pc:spChg>
        <pc:spChg chg="mod">
          <ac:chgData name="Rosmorduc Vinca" userId="ad80fc01-cf55-4376-a825-a887c8046f05" providerId="ADAL" clId="{60EAA2C3-A465-415C-ABE7-E895AC2F3DC8}" dt="2020-11-16T12:08:38.718" v="339" actId="6549"/>
          <ac:spMkLst>
            <pc:docMk/>
            <pc:sldMk cId="0" sldId="329"/>
            <ac:spMk id="22531" creationId="{00000000-0000-0000-0000-000000000000}"/>
          </ac:spMkLst>
        </pc:spChg>
      </pc:sldChg>
      <pc:sldChg chg="addSp delSp modSp mod">
        <pc:chgData name="Rosmorduc Vinca" userId="ad80fc01-cf55-4376-a825-a887c8046f05" providerId="ADAL" clId="{60EAA2C3-A465-415C-ABE7-E895AC2F3DC8}" dt="2020-11-16T12:09:58.057" v="361" actId="5793"/>
        <pc:sldMkLst>
          <pc:docMk/>
          <pc:sldMk cId="0" sldId="330"/>
        </pc:sldMkLst>
        <pc:spChg chg="add del mod">
          <ac:chgData name="Rosmorduc Vinca" userId="ad80fc01-cf55-4376-a825-a887c8046f05" providerId="ADAL" clId="{60EAA2C3-A465-415C-ABE7-E895AC2F3DC8}" dt="2020-11-16T12:08:53.089" v="340"/>
          <ac:spMkLst>
            <pc:docMk/>
            <pc:sldMk cId="0" sldId="330"/>
            <ac:spMk id="2" creationId="{05FD4B3F-8411-466F-9A51-DDB9BBD886B2}"/>
          </ac:spMkLst>
        </pc:spChg>
        <pc:spChg chg="add del mod">
          <ac:chgData name="Rosmorduc Vinca" userId="ad80fc01-cf55-4376-a825-a887c8046f05" providerId="ADAL" clId="{60EAA2C3-A465-415C-ABE7-E895AC2F3DC8}" dt="2020-11-16T12:08:53.089" v="340"/>
          <ac:spMkLst>
            <pc:docMk/>
            <pc:sldMk cId="0" sldId="330"/>
            <ac:spMk id="3" creationId="{503BEB89-AF16-459C-A562-71A921CDEDE7}"/>
          </ac:spMkLst>
        </pc:spChg>
        <pc:spChg chg="mod">
          <ac:chgData name="Rosmorduc Vinca" userId="ad80fc01-cf55-4376-a825-a887c8046f05" providerId="ADAL" clId="{60EAA2C3-A465-415C-ABE7-E895AC2F3DC8}" dt="2020-11-16T12:09:58.057" v="361" actId="5793"/>
          <ac:spMkLst>
            <pc:docMk/>
            <pc:sldMk cId="0" sldId="330"/>
            <ac:spMk id="23555" creationId="{00000000-0000-0000-0000-000000000000}"/>
          </ac:spMkLst>
        </pc:spChg>
        <pc:picChg chg="mod">
          <ac:chgData name="Rosmorduc Vinca" userId="ad80fc01-cf55-4376-a825-a887c8046f05" providerId="ADAL" clId="{60EAA2C3-A465-415C-ABE7-E895AC2F3DC8}" dt="2020-11-16T12:09:38.357" v="353" actId="1076"/>
          <ac:picMkLst>
            <pc:docMk/>
            <pc:sldMk cId="0" sldId="330"/>
            <ac:picMk id="23556" creationId="{00000000-0000-0000-0000-000000000000}"/>
          </ac:picMkLst>
        </pc:picChg>
      </pc:sldChg>
      <pc:sldChg chg="addSp delSp modSp mod">
        <pc:chgData name="Rosmorduc Vinca" userId="ad80fc01-cf55-4376-a825-a887c8046f05" providerId="ADAL" clId="{60EAA2C3-A465-415C-ABE7-E895AC2F3DC8}" dt="2020-11-16T12:12:52.727" v="415" actId="6549"/>
        <pc:sldMkLst>
          <pc:docMk/>
          <pc:sldMk cId="0" sldId="332"/>
        </pc:sldMkLst>
        <pc:spChg chg="add del mod">
          <ac:chgData name="Rosmorduc Vinca" userId="ad80fc01-cf55-4376-a825-a887c8046f05" providerId="ADAL" clId="{60EAA2C3-A465-415C-ABE7-E895AC2F3DC8}" dt="2020-11-16T12:10:53.554" v="384"/>
          <ac:spMkLst>
            <pc:docMk/>
            <pc:sldMk cId="0" sldId="332"/>
            <ac:spMk id="2" creationId="{2047BCD2-C2B8-438A-8F03-4A07583F3EEB}"/>
          </ac:spMkLst>
        </pc:spChg>
        <pc:spChg chg="add del mod">
          <ac:chgData name="Rosmorduc Vinca" userId="ad80fc01-cf55-4376-a825-a887c8046f05" providerId="ADAL" clId="{60EAA2C3-A465-415C-ABE7-E895AC2F3DC8}" dt="2020-11-16T12:10:53.554" v="384"/>
          <ac:spMkLst>
            <pc:docMk/>
            <pc:sldMk cId="0" sldId="332"/>
            <ac:spMk id="3" creationId="{7A577320-10BB-4EA9-B498-BF79F886661E}"/>
          </ac:spMkLst>
        </pc:spChg>
        <pc:spChg chg="mod">
          <ac:chgData name="Rosmorduc Vinca" userId="ad80fc01-cf55-4376-a825-a887c8046f05" providerId="ADAL" clId="{60EAA2C3-A465-415C-ABE7-E895AC2F3DC8}" dt="2020-11-16T12:12:52.727" v="415" actId="6549"/>
          <ac:spMkLst>
            <pc:docMk/>
            <pc:sldMk cId="0" sldId="332"/>
            <ac:spMk id="26626" creationId="{00000000-0000-0000-0000-000000000000}"/>
          </ac:spMkLst>
        </pc:spChg>
        <pc:spChg chg="mod">
          <ac:chgData name="Rosmorduc Vinca" userId="ad80fc01-cf55-4376-a825-a887c8046f05" providerId="ADAL" clId="{60EAA2C3-A465-415C-ABE7-E895AC2F3DC8}" dt="2020-11-16T12:12:45.570" v="409" actId="404"/>
          <ac:spMkLst>
            <pc:docMk/>
            <pc:sldMk cId="0" sldId="332"/>
            <ac:spMk id="26627" creationId="{00000000-0000-0000-0000-000000000000}"/>
          </ac:spMkLst>
        </pc:spChg>
      </pc:sldChg>
      <pc:sldChg chg="addSp delSp modSp mod">
        <pc:chgData name="Rosmorduc Vinca" userId="ad80fc01-cf55-4376-a825-a887c8046f05" providerId="ADAL" clId="{60EAA2C3-A465-415C-ABE7-E895AC2F3DC8}" dt="2020-11-16T12:10:47.724" v="383" actId="20577"/>
        <pc:sldMkLst>
          <pc:docMk/>
          <pc:sldMk cId="0" sldId="334"/>
        </pc:sldMkLst>
        <pc:spChg chg="add del mod">
          <ac:chgData name="Rosmorduc Vinca" userId="ad80fc01-cf55-4376-a825-a887c8046f05" providerId="ADAL" clId="{60EAA2C3-A465-415C-ABE7-E895AC2F3DC8}" dt="2020-11-16T12:10:11.406" v="362"/>
          <ac:spMkLst>
            <pc:docMk/>
            <pc:sldMk cId="0" sldId="334"/>
            <ac:spMk id="2" creationId="{4682C0F0-66EC-4B6B-8B07-5FD81398F715}"/>
          </ac:spMkLst>
        </pc:spChg>
        <pc:spChg chg="add del mod">
          <ac:chgData name="Rosmorduc Vinca" userId="ad80fc01-cf55-4376-a825-a887c8046f05" providerId="ADAL" clId="{60EAA2C3-A465-415C-ABE7-E895AC2F3DC8}" dt="2020-11-16T12:10:11.406" v="362"/>
          <ac:spMkLst>
            <pc:docMk/>
            <pc:sldMk cId="0" sldId="334"/>
            <ac:spMk id="3" creationId="{AE0427FB-557B-474F-A691-EA3F1B550946}"/>
          </ac:spMkLst>
        </pc:spChg>
        <pc:spChg chg="mod">
          <ac:chgData name="Rosmorduc Vinca" userId="ad80fc01-cf55-4376-a825-a887c8046f05" providerId="ADAL" clId="{60EAA2C3-A465-415C-ABE7-E895AC2F3DC8}" dt="2020-11-16T12:10:47.724" v="383" actId="20577"/>
          <ac:spMkLst>
            <pc:docMk/>
            <pc:sldMk cId="0" sldId="334"/>
            <ac:spMk id="25604" creationId="{00000000-0000-0000-0000-000000000000}"/>
          </ac:spMkLst>
        </pc:spChg>
      </pc:sldChg>
      <pc:sldChg chg="addSp delSp modSp mod">
        <pc:chgData name="Rosmorduc Vinca" userId="ad80fc01-cf55-4376-a825-a887c8046f05" providerId="ADAL" clId="{60EAA2C3-A465-415C-ABE7-E895AC2F3DC8}" dt="2020-11-16T11:55:54.588" v="5" actId="20577"/>
        <pc:sldMkLst>
          <pc:docMk/>
          <pc:sldMk cId="246926335" sldId="349"/>
        </pc:sldMkLst>
        <pc:spChg chg="add del mod">
          <ac:chgData name="Rosmorduc Vinca" userId="ad80fc01-cf55-4376-a825-a887c8046f05" providerId="ADAL" clId="{60EAA2C3-A465-415C-ABE7-E895AC2F3DC8}" dt="2020-11-16T11:55:44.025" v="1"/>
          <ac:spMkLst>
            <pc:docMk/>
            <pc:sldMk cId="246926335" sldId="349"/>
            <ac:spMk id="2" creationId="{17E974F3-87D2-4EF5-8839-51DE640CDE79}"/>
          </ac:spMkLst>
        </pc:spChg>
        <pc:spChg chg="add del mod">
          <ac:chgData name="Rosmorduc Vinca" userId="ad80fc01-cf55-4376-a825-a887c8046f05" providerId="ADAL" clId="{60EAA2C3-A465-415C-ABE7-E895AC2F3DC8}" dt="2020-11-16T11:55:44.025" v="1"/>
          <ac:spMkLst>
            <pc:docMk/>
            <pc:sldMk cId="246926335" sldId="349"/>
            <ac:spMk id="3" creationId="{48670F3D-38C3-49D0-84DF-85506167105B}"/>
          </ac:spMkLst>
        </pc:spChg>
        <pc:spChg chg="add mod">
          <ac:chgData name="Rosmorduc Vinca" userId="ad80fc01-cf55-4376-a825-a887c8046f05" providerId="ADAL" clId="{60EAA2C3-A465-415C-ABE7-E895AC2F3DC8}" dt="2020-11-16T11:55:54.588" v="5" actId="20577"/>
          <ac:spMkLst>
            <pc:docMk/>
            <pc:sldMk cId="246926335" sldId="349"/>
            <ac:spMk id="4" creationId="{2CDB8D17-9082-49AE-94BB-C18CC858C520}"/>
          </ac:spMkLst>
        </pc:spChg>
        <pc:spChg chg="mod">
          <ac:chgData name="Rosmorduc Vinca" userId="ad80fc01-cf55-4376-a825-a887c8046f05" providerId="ADAL" clId="{60EAA2C3-A465-415C-ABE7-E895AC2F3DC8}" dt="2020-11-16T11:55:51.270" v="3" actId="21"/>
          <ac:spMkLst>
            <pc:docMk/>
            <pc:sldMk cId="246926335" sldId="349"/>
            <ac:spMk id="156" creationId="{14C1F3CB-CA04-4327-AE7B-7665E850D35A}"/>
          </ac:spMkLst>
        </pc:spChg>
      </pc:sldChg>
      <pc:sldChg chg="addSp delSp modSp">
        <pc:chgData name="Rosmorduc Vinca" userId="ad80fc01-cf55-4376-a825-a887c8046f05" providerId="ADAL" clId="{60EAA2C3-A465-415C-ABE7-E895AC2F3DC8}" dt="2020-11-16T12:13:28.114" v="422"/>
        <pc:sldMkLst>
          <pc:docMk/>
          <pc:sldMk cId="3776507324" sldId="350"/>
        </pc:sldMkLst>
        <pc:spChg chg="del">
          <ac:chgData name="Rosmorduc Vinca" userId="ad80fc01-cf55-4376-a825-a887c8046f05" providerId="ADAL" clId="{60EAA2C3-A465-415C-ABE7-E895AC2F3DC8}" dt="2020-11-16T12:13:28.114" v="422"/>
          <ac:spMkLst>
            <pc:docMk/>
            <pc:sldMk cId="3776507324" sldId="350"/>
            <ac:spMk id="3" creationId="{A08BB4DC-E360-4850-89B9-74F24AF6CD89}"/>
          </ac:spMkLst>
        </pc:spChg>
        <pc:spChg chg="add del mod">
          <ac:chgData name="Rosmorduc Vinca" userId="ad80fc01-cf55-4376-a825-a887c8046f05" providerId="ADAL" clId="{60EAA2C3-A465-415C-ABE7-E895AC2F3DC8}" dt="2020-11-16T12:13:28.114" v="422"/>
          <ac:spMkLst>
            <pc:docMk/>
            <pc:sldMk cId="3776507324" sldId="350"/>
            <ac:spMk id="4" creationId="{B805A6A0-7549-46BD-876C-2A7A37E7B2A4}"/>
          </ac:spMkLst>
        </pc:spChg>
        <pc:spChg chg="add mod">
          <ac:chgData name="Rosmorduc Vinca" userId="ad80fc01-cf55-4376-a825-a887c8046f05" providerId="ADAL" clId="{60EAA2C3-A465-415C-ABE7-E895AC2F3DC8}" dt="2020-11-16T12:13:28.114" v="422"/>
          <ac:spMkLst>
            <pc:docMk/>
            <pc:sldMk cId="3776507324" sldId="350"/>
            <ac:spMk id="5" creationId="{B077B4D8-1BEC-4548-A1DC-41C72BED726F}"/>
          </ac:spMkLst>
        </pc:spChg>
      </pc:sldChg>
      <pc:sldChg chg="addSp delSp modSp">
        <pc:chgData name="Rosmorduc Vinca" userId="ad80fc01-cf55-4376-a825-a887c8046f05" providerId="ADAL" clId="{60EAA2C3-A465-415C-ABE7-E895AC2F3DC8}" dt="2020-11-16T12:13:31.840" v="423"/>
        <pc:sldMkLst>
          <pc:docMk/>
          <pc:sldMk cId="3608353604" sldId="351"/>
        </pc:sldMkLst>
        <pc:spChg chg="add del mod">
          <ac:chgData name="Rosmorduc Vinca" userId="ad80fc01-cf55-4376-a825-a887c8046f05" providerId="ADAL" clId="{60EAA2C3-A465-415C-ABE7-E895AC2F3DC8}" dt="2020-11-16T12:13:31.840" v="423"/>
          <ac:spMkLst>
            <pc:docMk/>
            <pc:sldMk cId="3608353604" sldId="351"/>
            <ac:spMk id="4" creationId="{DC80C006-547F-40E1-BADD-57F110FCCB31}"/>
          </ac:spMkLst>
        </pc:spChg>
        <pc:spChg chg="add del mod">
          <ac:chgData name="Rosmorduc Vinca" userId="ad80fc01-cf55-4376-a825-a887c8046f05" providerId="ADAL" clId="{60EAA2C3-A465-415C-ABE7-E895AC2F3DC8}" dt="2020-11-16T12:13:31.840" v="423"/>
          <ac:spMkLst>
            <pc:docMk/>
            <pc:sldMk cId="3608353604" sldId="351"/>
            <ac:spMk id="5" creationId="{FC8ADA1D-EB2F-46F9-BF5B-7338B92F5D38}"/>
          </ac:spMkLst>
        </pc:spChg>
      </pc:sldChg>
      <pc:sldChg chg="modSp mod">
        <pc:chgData name="Rosmorduc Vinca" userId="ad80fc01-cf55-4376-a825-a887c8046f05" providerId="ADAL" clId="{60EAA2C3-A465-415C-ABE7-E895AC2F3DC8}" dt="2020-11-16T11:57:21.509" v="70" actId="20577"/>
        <pc:sldMkLst>
          <pc:docMk/>
          <pc:sldMk cId="4185536091" sldId="352"/>
        </pc:sldMkLst>
        <pc:spChg chg="mod">
          <ac:chgData name="Rosmorduc Vinca" userId="ad80fc01-cf55-4376-a825-a887c8046f05" providerId="ADAL" clId="{60EAA2C3-A465-415C-ABE7-E895AC2F3DC8}" dt="2020-11-16T11:56:21.845" v="30" actId="20577"/>
          <ac:spMkLst>
            <pc:docMk/>
            <pc:sldMk cId="4185536091" sldId="352"/>
            <ac:spMk id="5" creationId="{B1E7A7EA-4EB0-4C66-A0A6-7D2E17991FA7}"/>
          </ac:spMkLst>
        </pc:spChg>
        <pc:spChg chg="mod">
          <ac:chgData name="Rosmorduc Vinca" userId="ad80fc01-cf55-4376-a825-a887c8046f05" providerId="ADAL" clId="{60EAA2C3-A465-415C-ABE7-E895AC2F3DC8}" dt="2020-11-16T11:57:21.509" v="70" actId="20577"/>
          <ac:spMkLst>
            <pc:docMk/>
            <pc:sldMk cId="4185536091" sldId="352"/>
            <ac:spMk id="6" creationId="{F88AF7F8-D351-4341-946E-8311F721F57F}"/>
          </ac:spMkLst>
        </pc:spChg>
      </pc:sldChg>
    </pc:docChg>
  </pc:docChgLst>
  <pc:docChgLst>
    <pc:chgData name="Rosmorduc Vinca" userId="ad80fc01-cf55-4376-a825-a887c8046f05" providerId="ADAL" clId="{38A8074B-1213-41AB-ACAD-5864E80BFEC7}"/>
    <pc:docChg chg="undo custSel modSld">
      <pc:chgData name="Rosmorduc Vinca" userId="ad80fc01-cf55-4376-a825-a887c8046f05" providerId="ADAL" clId="{38A8074B-1213-41AB-ACAD-5864E80BFEC7}" dt="2020-11-26T11:24:11.560" v="201" actId="207"/>
      <pc:docMkLst>
        <pc:docMk/>
      </pc:docMkLst>
      <pc:sldChg chg="modSp mod">
        <pc:chgData name="Rosmorduc Vinca" userId="ad80fc01-cf55-4376-a825-a887c8046f05" providerId="ADAL" clId="{38A8074B-1213-41AB-ACAD-5864E80BFEC7}" dt="2020-11-26T11:13:00.913" v="45" actId="790"/>
        <pc:sldMkLst>
          <pc:docMk/>
          <pc:sldMk cId="0" sldId="307"/>
        </pc:sldMkLst>
        <pc:spChg chg="mod">
          <ac:chgData name="Rosmorduc Vinca" userId="ad80fc01-cf55-4376-a825-a887c8046f05" providerId="ADAL" clId="{38A8074B-1213-41AB-ACAD-5864E80BFEC7}" dt="2020-11-26T11:13:00.913" v="45" actId="790"/>
          <ac:spMkLst>
            <pc:docMk/>
            <pc:sldMk cId="0" sldId="307"/>
            <ac:spMk id="13315" creationId="{00000000-0000-0000-0000-000000000000}"/>
          </ac:spMkLst>
        </pc:spChg>
        <pc:grpChg chg="mod">
          <ac:chgData name="Rosmorduc Vinca" userId="ad80fc01-cf55-4376-a825-a887c8046f05" providerId="ADAL" clId="{38A8074B-1213-41AB-ACAD-5864E80BFEC7}" dt="2020-11-26T11:04:47.338" v="1" actId="14826"/>
          <ac:grpSpMkLst>
            <pc:docMk/>
            <pc:sldMk cId="0" sldId="307"/>
            <ac:grpSpMk id="6" creationId="{12DC26A2-4EE8-494A-AD72-562F6218BCC8}"/>
          </ac:grpSpMkLst>
        </pc:grpChg>
        <pc:picChg chg="mod">
          <ac:chgData name="Rosmorduc Vinca" userId="ad80fc01-cf55-4376-a825-a887c8046f05" providerId="ADAL" clId="{38A8074B-1213-41AB-ACAD-5864E80BFEC7}" dt="2020-11-26T11:04:47.338" v="1" actId="14826"/>
          <ac:picMkLst>
            <pc:docMk/>
            <pc:sldMk cId="0" sldId="307"/>
            <ac:picMk id="7" creationId="{FFAB3319-721B-4F0D-8A96-08B883224620}"/>
          </ac:picMkLst>
        </pc:picChg>
      </pc:sldChg>
      <pc:sldChg chg="modSp mod">
        <pc:chgData name="Rosmorduc Vinca" userId="ad80fc01-cf55-4376-a825-a887c8046f05" providerId="ADAL" clId="{38A8074B-1213-41AB-ACAD-5864E80BFEC7}" dt="2020-11-26T11:14:03.642" v="54" actId="20577"/>
        <pc:sldMkLst>
          <pc:docMk/>
          <pc:sldMk cId="0" sldId="308"/>
        </pc:sldMkLst>
        <pc:spChg chg="mod">
          <ac:chgData name="Rosmorduc Vinca" userId="ad80fc01-cf55-4376-a825-a887c8046f05" providerId="ADAL" clId="{38A8074B-1213-41AB-ACAD-5864E80BFEC7}" dt="2020-11-26T11:13:52.609" v="50" actId="20577"/>
          <ac:spMkLst>
            <pc:docMk/>
            <pc:sldMk cId="0" sldId="308"/>
            <ac:spMk id="14338" creationId="{00000000-0000-0000-0000-000000000000}"/>
          </ac:spMkLst>
        </pc:spChg>
        <pc:spChg chg="mod">
          <ac:chgData name="Rosmorduc Vinca" userId="ad80fc01-cf55-4376-a825-a887c8046f05" providerId="ADAL" clId="{38A8074B-1213-41AB-ACAD-5864E80BFEC7}" dt="2020-11-26T11:14:03.642" v="54" actId="20577"/>
          <ac:spMkLst>
            <pc:docMk/>
            <pc:sldMk cId="0" sldId="308"/>
            <ac:spMk id="14339" creationId="{00000000-0000-0000-0000-000000000000}"/>
          </ac:spMkLst>
        </pc:spChg>
      </pc:sldChg>
      <pc:sldChg chg="modSp mod">
        <pc:chgData name="Rosmorduc Vinca" userId="ad80fc01-cf55-4376-a825-a887c8046f05" providerId="ADAL" clId="{38A8074B-1213-41AB-ACAD-5864E80BFEC7}" dt="2020-11-26T11:14:36.819" v="56" actId="790"/>
        <pc:sldMkLst>
          <pc:docMk/>
          <pc:sldMk cId="0" sldId="310"/>
        </pc:sldMkLst>
        <pc:spChg chg="mod">
          <ac:chgData name="Rosmorduc Vinca" userId="ad80fc01-cf55-4376-a825-a887c8046f05" providerId="ADAL" clId="{38A8074B-1213-41AB-ACAD-5864E80BFEC7}" dt="2020-11-26T11:14:36.819" v="56" actId="790"/>
          <ac:spMkLst>
            <pc:docMk/>
            <pc:sldMk cId="0" sldId="310"/>
            <ac:spMk id="16387" creationId="{00000000-0000-0000-0000-000000000000}"/>
          </ac:spMkLst>
        </pc:spChg>
      </pc:sldChg>
      <pc:sldChg chg="modSp mod">
        <pc:chgData name="Rosmorduc Vinca" userId="ad80fc01-cf55-4376-a825-a887c8046f05" providerId="ADAL" clId="{38A8074B-1213-41AB-ACAD-5864E80BFEC7}" dt="2020-11-26T11:15:04.573" v="58" actId="790"/>
        <pc:sldMkLst>
          <pc:docMk/>
          <pc:sldMk cId="0" sldId="312"/>
        </pc:sldMkLst>
        <pc:spChg chg="mod">
          <ac:chgData name="Rosmorduc Vinca" userId="ad80fc01-cf55-4376-a825-a887c8046f05" providerId="ADAL" clId="{38A8074B-1213-41AB-ACAD-5864E80BFEC7}" dt="2020-11-26T11:15:04.573" v="58" actId="790"/>
          <ac:spMkLst>
            <pc:docMk/>
            <pc:sldMk cId="0" sldId="312"/>
            <ac:spMk id="17412" creationId="{00000000-0000-0000-0000-000000000000}"/>
          </ac:spMkLst>
        </pc:spChg>
      </pc:sldChg>
      <pc:sldChg chg="modSp mod">
        <pc:chgData name="Rosmorduc Vinca" userId="ad80fc01-cf55-4376-a825-a887c8046f05" providerId="ADAL" clId="{38A8074B-1213-41AB-ACAD-5864E80BFEC7}" dt="2020-11-26T11:15:52.581" v="60" actId="790"/>
        <pc:sldMkLst>
          <pc:docMk/>
          <pc:sldMk cId="0" sldId="318"/>
        </pc:sldMkLst>
        <pc:spChg chg="mod">
          <ac:chgData name="Rosmorduc Vinca" userId="ad80fc01-cf55-4376-a825-a887c8046f05" providerId="ADAL" clId="{38A8074B-1213-41AB-ACAD-5864E80BFEC7}" dt="2020-11-26T11:15:52.581" v="60" actId="790"/>
          <ac:spMkLst>
            <pc:docMk/>
            <pc:sldMk cId="0" sldId="318"/>
            <ac:spMk id="18435" creationId="{00000000-0000-0000-0000-000000000000}"/>
          </ac:spMkLst>
        </pc:spChg>
      </pc:sldChg>
      <pc:sldChg chg="modSp mod">
        <pc:chgData name="Rosmorduc Vinca" userId="ad80fc01-cf55-4376-a825-a887c8046f05" providerId="ADAL" clId="{38A8074B-1213-41AB-ACAD-5864E80BFEC7}" dt="2020-11-26T11:16:24.850" v="62" actId="790"/>
        <pc:sldMkLst>
          <pc:docMk/>
          <pc:sldMk cId="0" sldId="324"/>
        </pc:sldMkLst>
        <pc:spChg chg="mod">
          <ac:chgData name="Rosmorduc Vinca" userId="ad80fc01-cf55-4376-a825-a887c8046f05" providerId="ADAL" clId="{38A8074B-1213-41AB-ACAD-5864E80BFEC7}" dt="2020-11-26T11:16:24.850" v="62" actId="790"/>
          <ac:spMkLst>
            <pc:docMk/>
            <pc:sldMk cId="0" sldId="324"/>
            <ac:spMk id="19459" creationId="{00000000-0000-0000-0000-000000000000}"/>
          </ac:spMkLst>
        </pc:spChg>
      </pc:sldChg>
      <pc:sldChg chg="addSp delSp modSp mod">
        <pc:chgData name="Rosmorduc Vinca" userId="ad80fc01-cf55-4376-a825-a887c8046f05" providerId="ADAL" clId="{38A8074B-1213-41AB-ACAD-5864E80BFEC7}" dt="2020-11-26T11:24:11.560" v="201" actId="207"/>
        <pc:sldMkLst>
          <pc:docMk/>
          <pc:sldMk cId="0" sldId="328"/>
        </pc:sldMkLst>
        <pc:spChg chg="add mod">
          <ac:chgData name="Rosmorduc Vinca" userId="ad80fc01-cf55-4376-a825-a887c8046f05" providerId="ADAL" clId="{38A8074B-1213-41AB-ACAD-5864E80BFEC7}" dt="2020-11-26T11:06:59.628" v="37" actId="164"/>
          <ac:spMkLst>
            <pc:docMk/>
            <pc:sldMk cId="0" sldId="328"/>
            <ac:spMk id="11" creationId="{1C2B9247-D47C-4940-8ABA-479A3C69AC9F}"/>
          </ac:spMkLst>
        </pc:spChg>
        <pc:spChg chg="add mod">
          <ac:chgData name="Rosmorduc Vinca" userId="ad80fc01-cf55-4376-a825-a887c8046f05" providerId="ADAL" clId="{38A8074B-1213-41AB-ACAD-5864E80BFEC7}" dt="2020-11-26T11:24:11.560" v="201" actId="207"/>
          <ac:spMkLst>
            <pc:docMk/>
            <pc:sldMk cId="0" sldId="328"/>
            <ac:spMk id="12" creationId="{F623C543-CDB4-4660-9940-3C4CA52A0BF0}"/>
          </ac:spMkLst>
        </pc:spChg>
        <pc:spChg chg="mod">
          <ac:chgData name="Rosmorduc Vinca" userId="ad80fc01-cf55-4376-a825-a887c8046f05" providerId="ADAL" clId="{38A8074B-1213-41AB-ACAD-5864E80BFEC7}" dt="2020-11-26T11:19:48.602" v="125" actId="20577"/>
          <ac:spMkLst>
            <pc:docMk/>
            <pc:sldMk cId="0" sldId="328"/>
            <ac:spMk id="21507" creationId="{00000000-0000-0000-0000-000000000000}"/>
          </ac:spMkLst>
        </pc:spChg>
        <pc:grpChg chg="add mod">
          <ac:chgData name="Rosmorduc Vinca" userId="ad80fc01-cf55-4376-a825-a887c8046f05" providerId="ADAL" clId="{38A8074B-1213-41AB-ACAD-5864E80BFEC7}" dt="2020-11-26T11:06:52.635" v="36" actId="164"/>
          <ac:grpSpMkLst>
            <pc:docMk/>
            <pc:sldMk cId="0" sldId="328"/>
            <ac:grpSpMk id="8" creationId="{3F54F15B-66D5-4744-A2E4-8F0B8B3699DF}"/>
          </ac:grpSpMkLst>
        </pc:grpChg>
        <pc:grpChg chg="add mod">
          <ac:chgData name="Rosmorduc Vinca" userId="ad80fc01-cf55-4376-a825-a887c8046f05" providerId="ADAL" clId="{38A8074B-1213-41AB-ACAD-5864E80BFEC7}" dt="2020-11-26T11:06:59.628" v="37" actId="164"/>
          <ac:grpSpMkLst>
            <pc:docMk/>
            <pc:sldMk cId="0" sldId="328"/>
            <ac:grpSpMk id="9" creationId="{2D142AE1-BBA8-476D-B195-7C37F76319C1}"/>
          </ac:grpSpMkLst>
        </pc:grpChg>
        <pc:picChg chg="add mod">
          <ac:chgData name="Rosmorduc Vinca" userId="ad80fc01-cf55-4376-a825-a887c8046f05" providerId="ADAL" clId="{38A8074B-1213-41AB-ACAD-5864E80BFEC7}" dt="2020-11-26T11:06:52.635" v="36" actId="164"/>
          <ac:picMkLst>
            <pc:docMk/>
            <pc:sldMk cId="0" sldId="328"/>
            <ac:picMk id="4" creationId="{F7D406E6-0750-4076-B99B-0C79E0A5E5B0}"/>
          </ac:picMkLst>
        </pc:picChg>
        <pc:picChg chg="del">
          <ac:chgData name="Rosmorduc Vinca" userId="ad80fc01-cf55-4376-a825-a887c8046f05" providerId="ADAL" clId="{38A8074B-1213-41AB-ACAD-5864E80BFEC7}" dt="2020-11-26T11:05:20.684" v="3" actId="478"/>
          <ac:picMkLst>
            <pc:docMk/>
            <pc:sldMk cId="0" sldId="328"/>
            <ac:picMk id="5" creationId="{7DF522A1-4F17-4046-9FBB-1CCB0105229F}"/>
          </ac:picMkLst>
        </pc:picChg>
        <pc:picChg chg="add mod">
          <ac:chgData name="Rosmorduc Vinca" userId="ad80fc01-cf55-4376-a825-a887c8046f05" providerId="ADAL" clId="{38A8074B-1213-41AB-ACAD-5864E80BFEC7}" dt="2020-11-26T11:06:59.628" v="37" actId="164"/>
          <ac:picMkLst>
            <pc:docMk/>
            <pc:sldMk cId="0" sldId="328"/>
            <ac:picMk id="7" creationId="{CE598244-7A49-422E-BBE8-F8C3FEF5B20B}"/>
          </ac:picMkLst>
        </pc:picChg>
        <pc:picChg chg="del">
          <ac:chgData name="Rosmorduc Vinca" userId="ad80fc01-cf55-4376-a825-a887c8046f05" providerId="ADAL" clId="{38A8074B-1213-41AB-ACAD-5864E80BFEC7}" dt="2020-11-26T11:05:17.389" v="2" actId="478"/>
          <ac:picMkLst>
            <pc:docMk/>
            <pc:sldMk cId="0" sldId="328"/>
            <ac:picMk id="21508" creationId="{00000000-0000-0000-0000-000000000000}"/>
          </ac:picMkLst>
        </pc:picChg>
      </pc:sldChg>
      <pc:sldChg chg="modSp mod">
        <pc:chgData name="Rosmorduc Vinca" userId="ad80fc01-cf55-4376-a825-a887c8046f05" providerId="ADAL" clId="{38A8074B-1213-41AB-ACAD-5864E80BFEC7}" dt="2020-11-26T11:22:33.713" v="196" actId="6549"/>
        <pc:sldMkLst>
          <pc:docMk/>
          <pc:sldMk cId="0" sldId="329"/>
        </pc:sldMkLst>
        <pc:spChg chg="mod">
          <ac:chgData name="Rosmorduc Vinca" userId="ad80fc01-cf55-4376-a825-a887c8046f05" providerId="ADAL" clId="{38A8074B-1213-41AB-ACAD-5864E80BFEC7}" dt="2020-11-26T11:22:33.713" v="196" actId="6549"/>
          <ac:spMkLst>
            <pc:docMk/>
            <pc:sldMk cId="0" sldId="329"/>
            <ac:spMk id="22531" creationId="{00000000-0000-0000-0000-000000000000}"/>
          </ac:spMkLst>
        </pc:spChg>
      </pc:sldChg>
      <pc:sldChg chg="modSp mod">
        <pc:chgData name="Rosmorduc Vinca" userId="ad80fc01-cf55-4376-a825-a887c8046f05" providerId="ADAL" clId="{38A8074B-1213-41AB-ACAD-5864E80BFEC7}" dt="2020-11-26T11:17:39.425" v="73" actId="790"/>
        <pc:sldMkLst>
          <pc:docMk/>
          <pc:sldMk cId="0" sldId="330"/>
        </pc:sldMkLst>
        <pc:spChg chg="mod">
          <ac:chgData name="Rosmorduc Vinca" userId="ad80fc01-cf55-4376-a825-a887c8046f05" providerId="ADAL" clId="{38A8074B-1213-41AB-ACAD-5864E80BFEC7}" dt="2020-11-26T11:17:39.425" v="73" actId="790"/>
          <ac:spMkLst>
            <pc:docMk/>
            <pc:sldMk cId="0" sldId="330"/>
            <ac:spMk id="23555" creationId="{00000000-0000-0000-0000-000000000000}"/>
          </ac:spMkLst>
        </pc:spChg>
      </pc:sldChg>
      <pc:sldChg chg="modSp mod">
        <pc:chgData name="Rosmorduc Vinca" userId="ad80fc01-cf55-4376-a825-a887c8046f05" providerId="ADAL" clId="{38A8074B-1213-41AB-ACAD-5864E80BFEC7}" dt="2020-11-26T11:22:53.834" v="200" actId="20577"/>
        <pc:sldMkLst>
          <pc:docMk/>
          <pc:sldMk cId="0" sldId="332"/>
        </pc:sldMkLst>
        <pc:spChg chg="mod">
          <ac:chgData name="Rosmorduc Vinca" userId="ad80fc01-cf55-4376-a825-a887c8046f05" providerId="ADAL" clId="{38A8074B-1213-41AB-ACAD-5864E80BFEC7}" dt="2020-11-26T11:22:53.834" v="200" actId="20577"/>
          <ac:spMkLst>
            <pc:docMk/>
            <pc:sldMk cId="0" sldId="332"/>
            <ac:spMk id="26627" creationId="{00000000-0000-0000-0000-000000000000}"/>
          </ac:spMkLst>
        </pc:spChg>
      </pc:sldChg>
      <pc:sldChg chg="modSp mod">
        <pc:chgData name="Rosmorduc Vinca" userId="ad80fc01-cf55-4376-a825-a887c8046f05" providerId="ADAL" clId="{38A8074B-1213-41AB-ACAD-5864E80BFEC7}" dt="2020-11-26T11:04:14.912" v="0" actId="167"/>
        <pc:sldMkLst>
          <pc:docMk/>
          <pc:sldMk cId="0" sldId="343"/>
        </pc:sldMkLst>
        <pc:grpChg chg="ord">
          <ac:chgData name="Rosmorduc Vinca" userId="ad80fc01-cf55-4376-a825-a887c8046f05" providerId="ADAL" clId="{38A8074B-1213-41AB-ACAD-5864E80BFEC7}" dt="2020-11-26T11:04:14.912" v="0" actId="167"/>
          <ac:grpSpMkLst>
            <pc:docMk/>
            <pc:sldMk cId="0" sldId="343"/>
            <ac:grpSpMk id="2" creationId="{5CCCB66C-6549-4E50-A400-957500E38EDE}"/>
          </ac:grpSpMkLst>
        </pc:grpChg>
      </pc:sldChg>
    </pc:docChg>
  </pc:docChgLst>
  <pc:docChgLst>
    <pc:chgData name="Rosmorduc Vinca" userId="ad80fc01-cf55-4376-a825-a887c8046f05" providerId="ADAL" clId="{77C716CA-4AB9-4C61-9D89-05471AED44BB}"/>
    <pc:docChg chg="modSld">
      <pc:chgData name="Rosmorduc Vinca" userId="ad80fc01-cf55-4376-a825-a887c8046f05" providerId="ADAL" clId="{77C716CA-4AB9-4C61-9D89-05471AED44BB}" dt="2020-11-26T14:36:48.967" v="30" actId="20577"/>
      <pc:docMkLst>
        <pc:docMk/>
      </pc:docMkLst>
      <pc:sldChg chg="modSp mod">
        <pc:chgData name="Rosmorduc Vinca" userId="ad80fc01-cf55-4376-a825-a887c8046f05" providerId="ADAL" clId="{77C716CA-4AB9-4C61-9D89-05471AED44BB}" dt="2020-11-26T14:33:35.774" v="5"/>
        <pc:sldMkLst>
          <pc:docMk/>
          <pc:sldMk cId="0" sldId="334"/>
        </pc:sldMkLst>
        <pc:spChg chg="mod">
          <ac:chgData name="Rosmorduc Vinca" userId="ad80fc01-cf55-4376-a825-a887c8046f05" providerId="ADAL" clId="{77C716CA-4AB9-4C61-9D89-05471AED44BB}" dt="2020-11-26T14:33:35.774" v="5"/>
          <ac:spMkLst>
            <pc:docMk/>
            <pc:sldMk cId="0" sldId="334"/>
            <ac:spMk id="25603" creationId="{00000000-0000-0000-0000-000000000000}"/>
          </ac:spMkLst>
        </pc:spChg>
      </pc:sldChg>
      <pc:sldChg chg="modSp mod">
        <pc:chgData name="Rosmorduc Vinca" userId="ad80fc01-cf55-4376-a825-a887c8046f05" providerId="ADAL" clId="{77C716CA-4AB9-4C61-9D89-05471AED44BB}" dt="2020-11-26T14:36:48.967" v="30" actId="20577"/>
        <pc:sldMkLst>
          <pc:docMk/>
          <pc:sldMk cId="0" sldId="343"/>
        </pc:sldMkLst>
        <pc:spChg chg="mod">
          <ac:chgData name="Rosmorduc Vinca" userId="ad80fc01-cf55-4376-a825-a887c8046f05" providerId="ADAL" clId="{77C716CA-4AB9-4C61-9D89-05471AED44BB}" dt="2020-11-26T14:36:48.967" v="30" actId="20577"/>
          <ac:spMkLst>
            <pc:docMk/>
            <pc:sldMk cId="0" sldId="343"/>
            <ac:spMk id="6146" creationId="{00000000-0000-0000-0000-000000000000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41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041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042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042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fld id="{6D75033C-A5C4-4050-8936-6A67F58E6CED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510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17510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2765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17510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noProof="0"/>
              <a:t>Cliquez pour modifier les styles du texte du masque</a:t>
            </a:r>
          </a:p>
          <a:p>
            <a:pPr lvl="1"/>
            <a:r>
              <a:rPr lang="fr-FR" noProof="0"/>
              <a:t>Deuxième niveau</a:t>
            </a:r>
          </a:p>
          <a:p>
            <a:pPr lvl="2"/>
            <a:r>
              <a:rPr lang="fr-FR" noProof="0"/>
              <a:t>Troisième niveau</a:t>
            </a:r>
          </a:p>
          <a:p>
            <a:pPr lvl="3"/>
            <a:r>
              <a:rPr lang="fr-FR" noProof="0"/>
              <a:t>Quatrième niveau</a:t>
            </a:r>
          </a:p>
          <a:p>
            <a:pPr lvl="4"/>
            <a:r>
              <a:rPr lang="fr-FR" noProof="0"/>
              <a:t>Cinquième niveau</a:t>
            </a:r>
          </a:p>
        </p:txBody>
      </p:sp>
      <p:sp>
        <p:nvSpPr>
          <p:cNvPr id="17511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latin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17511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Arial" charset="0"/>
              </a:defRPr>
            </a:lvl1pPr>
          </a:lstStyle>
          <a:p>
            <a:pPr>
              <a:defRPr/>
            </a:pPr>
            <a:fld id="{3AA409B1-7B38-4F11-9BAA-1C12200AD74F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2513516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9661332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2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8949974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6181078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0977131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3871261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</a:t>
            </a:r>
            <a:r>
              <a:rPr lang="fr-FR" sz="1200"/>
              <a:t>Pour consulter cette licence, allez sur https://creativecommons.org/licenses/by-sa/4.0 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1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05914820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6436389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3AA409B1-7B38-4F11-9BAA-1C12200AD74F}" type="slidenum">
              <a:rPr lang="fr-FR" smtClean="0"/>
              <a:pPr>
                <a:defRPr/>
              </a:pPr>
              <a:t>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0992943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ED8F2DA4-B9FA-41EC-9CB7-0925EC0260EF}" type="slidenum">
              <a:rPr lang="fr-FR" smtClean="0"/>
              <a:pPr/>
              <a:t>5</a:t>
            </a:fld>
            <a:endParaRPr lang="fr-FR"/>
          </a:p>
        </p:txBody>
      </p:sp>
      <p:sp>
        <p:nvSpPr>
          <p:cNvPr id="3379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379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818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7BC6F558-8CB4-4E7C-BD22-91A1917E6663}" type="slidenum">
              <a:rPr lang="fr-FR" smtClean="0"/>
              <a:pPr/>
              <a:t>6</a:t>
            </a:fld>
            <a:endParaRPr lang="fr-FR"/>
          </a:p>
        </p:txBody>
      </p:sp>
      <p:sp>
        <p:nvSpPr>
          <p:cNvPr id="34819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4820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BA638C50-DAC7-44F6-A7DA-66DB7ECAE1CD}" type="slidenum">
              <a:rPr lang="fr-FR" smtClean="0"/>
              <a:pPr/>
              <a:t>7</a:t>
            </a:fld>
            <a:endParaRPr lang="fr-FR"/>
          </a:p>
        </p:txBody>
      </p:sp>
      <p:sp>
        <p:nvSpPr>
          <p:cNvPr id="36867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6868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890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5106A13E-9D6A-4465-B988-1B0CBB4EB63B}" type="slidenum">
              <a:rPr lang="fr-FR" smtClean="0"/>
              <a:pPr/>
              <a:t>8</a:t>
            </a:fld>
            <a:endParaRPr lang="fr-FR"/>
          </a:p>
        </p:txBody>
      </p:sp>
      <p:sp>
        <p:nvSpPr>
          <p:cNvPr id="37891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7892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D2B064B7-F000-4092-A82E-FE6C9930F0C0}" type="slidenum">
              <a:rPr lang="fr-FR" smtClean="0"/>
              <a:pPr/>
              <a:t>9</a:t>
            </a:fld>
            <a:endParaRPr lang="fr-FR"/>
          </a:p>
        </p:txBody>
      </p:sp>
      <p:sp>
        <p:nvSpPr>
          <p:cNvPr id="3891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891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4D454DA9-077E-463F-900A-601C70CB80CF}" type="slidenum">
              <a:rPr lang="fr-FR" smtClean="0"/>
              <a:pPr/>
              <a:t>10</a:t>
            </a:fld>
            <a:endParaRPr lang="fr-FR"/>
          </a:p>
        </p:txBody>
      </p:sp>
      <p:sp>
        <p:nvSpPr>
          <p:cNvPr id="39939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81000" y="685800"/>
            <a:ext cx="6096000" cy="3429000"/>
          </a:xfrm>
          <a:ln/>
        </p:spPr>
      </p:sp>
      <p:sp>
        <p:nvSpPr>
          <p:cNvPr id="39940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200" dirty="0"/>
              <a:t>Sauf mention contraire, la présentation “Hauteurs d’eau (altimétrie) : les satellites / instruments” conçue par Cnes/Aviso est mise à disposition selon les termes de la Licence Creative Commons Attribution -  Partage dans les Mêmes Conditions 4.0 International (CC BY-SA 4.0). Pour consulter cette licence, allez sur https://creativecommons.org/licenses/by-sa/4.0 </a:t>
            </a:r>
            <a:endParaRPr lang="fr-FR" dirty="0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88F5CEA-070A-4417-B819-81E2E1CE19F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 b="1"/>
            </a:lvl1pPr>
          </a:lstStyle>
          <a:p>
            <a:r>
              <a:rPr lang="fr-FR" dirty="0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1AE424CD-F9D2-4878-BF78-25DAAB74871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CFD53F21-73A9-454A-A5F9-D52906D771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fr-FR" smtClean="0"/>
              <a:t>26/01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8B0541FF-7E2B-42C4-A22D-1062ED9400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C520889C-E19E-4B27-B405-450F452708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3791418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4C4D28B-D29C-4216-A854-BF5FD7D5C8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71449" y="136526"/>
            <a:ext cx="11877675" cy="544512"/>
          </a:xfrm>
        </p:spPr>
        <p:txBody>
          <a:bodyPr/>
          <a:lstStyle>
            <a:lvl1pPr>
              <a:defRPr/>
            </a:lvl1pPr>
          </a:lstStyle>
          <a:p>
            <a:r>
              <a:rPr lang="fr-FR" dirty="0"/>
              <a:t>Modifiez le style du titre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C6DB4917-2839-4853-982E-C7A3D68B671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1449" y="828675"/>
            <a:ext cx="11877675" cy="5410200"/>
          </a:xfrm>
        </p:spPr>
        <p:txBody>
          <a:bodyPr/>
          <a:lstStyle/>
          <a:p>
            <a:pPr lvl="0"/>
            <a:r>
              <a:rPr lang="fr-FR" dirty="0"/>
              <a:t>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EB2F7EC4-F760-4606-A271-009FA2FF0C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fr-FR" smtClean="0"/>
              <a:t>26/01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1D2F36D8-BC59-4A94-A2F4-362BA49388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547FD59C-0D0F-4F00-B17E-A49D359442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8644664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B384255E-EE61-4782-B2DB-200F10B41E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>
            <a:normAutofit/>
          </a:bodyPr>
          <a:lstStyle>
            <a:lvl1pPr>
              <a:defRPr sz="5400" b="1"/>
            </a:lvl1pPr>
          </a:lstStyle>
          <a:p>
            <a:r>
              <a:rPr lang="fr-FR" dirty="0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71EBDF23-3312-4D70-B056-DDDD32D151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C2FE0F3-5522-4ADC-A0A5-E9B421443FB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fr-FR" smtClean="0"/>
              <a:t>26/01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BD9B0902-0F24-47C9-A632-183E9F9890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309E96E7-1D0F-4474-A209-E8904D06FF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278886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F49C3C7-FF13-4F04-B4EF-984DC4EA6D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2875" y="136526"/>
            <a:ext cx="11915775" cy="544512"/>
          </a:xfrm>
        </p:spPr>
        <p:txBody>
          <a:bodyPr/>
          <a:lstStyle>
            <a:lvl1pPr>
              <a:defRPr/>
            </a:lvl1pPr>
          </a:lstStyle>
          <a:p>
            <a:r>
              <a:rPr lang="fr-FR" dirty="0"/>
              <a:t>Modifiez le style du titre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8CC5123F-F076-45D9-8479-8D0DD2E1FB5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42875" y="860425"/>
            <a:ext cx="5181600" cy="5316538"/>
          </a:xfrm>
        </p:spPr>
        <p:txBody>
          <a:bodyPr/>
          <a:lstStyle/>
          <a:p>
            <a:pPr lvl="0"/>
            <a:r>
              <a:rPr lang="fr-FR" dirty="0"/>
              <a:t>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23467BF8-D26B-43A6-A0F2-422E5B77C7D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860425"/>
            <a:ext cx="5886450" cy="5316538"/>
          </a:xfrm>
        </p:spPr>
        <p:txBody>
          <a:bodyPr/>
          <a:lstStyle/>
          <a:p>
            <a:pPr lvl="0"/>
            <a:r>
              <a:rPr lang="fr-FR" dirty="0"/>
              <a:t>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67D6209D-0150-46B3-B9F7-D778EC031B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fr-FR" smtClean="0"/>
              <a:t>26/01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BD29BAB3-0BB2-498E-A41E-4E5DC5E23B3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9A522DA9-726B-4ECE-9E3D-1F8D20C8E2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47243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EB065AD-6D3F-43D3-8DE8-3F29E232B79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5773" y="136525"/>
            <a:ext cx="11953461" cy="593727"/>
          </a:xfrm>
        </p:spPr>
        <p:txBody>
          <a:bodyPr/>
          <a:lstStyle>
            <a:lvl1pPr>
              <a:defRPr/>
            </a:lvl1pPr>
          </a:lstStyle>
          <a:p>
            <a:r>
              <a:rPr lang="fr-FR" dirty="0"/>
              <a:t>Modifiez le style du titre	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16E0266F-5976-46F3-A286-525B47EA523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45774" y="925785"/>
            <a:ext cx="5851802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17FD69C4-DB85-4D5D-A601-93979C070E9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45774" y="1749697"/>
            <a:ext cx="5851802" cy="4386060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D40199BB-C1C4-4D8D-921F-97DFFBB60E1B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925785"/>
            <a:ext cx="5927034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8AC63358-E620-4088-B1C3-3725B65BDCD1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1749697"/>
            <a:ext cx="5927034" cy="4386060"/>
          </a:xfrm>
        </p:spPr>
        <p:txBody>
          <a:bodyPr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4773E05A-6A0F-49AB-BE71-3610D49A57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fr-FR" smtClean="0"/>
              <a:t>26/01/2024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F411E7CE-EC00-4FDB-91F9-B5F903FCF2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93D6D96F-63B2-4D0F-8FC4-42D842B546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0053659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1A19D51-B8F3-4FCD-8BB9-E5CE45CEBC3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3825" y="136525"/>
            <a:ext cx="11925300" cy="511175"/>
          </a:xfrm>
        </p:spPr>
        <p:txBody>
          <a:bodyPr/>
          <a:lstStyle>
            <a:lvl1pPr>
              <a:defRPr/>
            </a:lvl1pPr>
          </a:lstStyle>
          <a:p>
            <a:r>
              <a:rPr lang="fr-FR" dirty="0"/>
              <a:t>Modifiez le style du titre	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8AFED5C4-4C45-4279-849B-81C8FF2197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fr-FR" smtClean="0"/>
              <a:t>26/01/2024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A3AFC307-1864-42F3-A743-B501DFFED2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221DFD17-A629-4CA7-ABD5-C0EAB1E005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382702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7C7218E0-0B32-4AFB-859C-6806DFAA38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fr-FR" smtClean="0"/>
              <a:t>26/01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A1BB58F-4998-4854-86E2-64642FAF5EC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14F0555D-1F02-4675-B1A9-E66DC1DE48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607710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E398BE0-AFD1-4C76-ACD4-0E1CEED5A31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 dirty="0"/>
              <a:t>Modifiez le style du titre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AA701C91-EDE3-426B-8E25-DE50C8821E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31B897EB-EF20-4BB1-BDE5-35D0B85FDE9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7FB0F00F-0C11-4018-B77F-B5FE35C13E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fr-FR" smtClean="0"/>
              <a:t>26/01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975456D3-842C-47A0-A7E9-B7D44B766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5AC7A718-3472-48B3-B53C-A5BAEF43F7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1316794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A63C4F8-0AA6-4231-930F-5DD785B219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 dirty="0"/>
              <a:t>Modifiez le style du titre	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5758A4C4-EA96-4514-AE1E-BBD91B44BF0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EE117699-03A0-425D-B154-69B1C5ADFF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2E30936B-5C63-4278-B9F4-7A0699585B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AAAA8E-7501-47A7-B225-7AD486BA708D}" type="datetimeFigureOut">
              <a:rPr lang="fr-FR" smtClean="0"/>
              <a:t>26/01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885C98E7-7667-4A3C-B248-FEBD2D36FD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D369E184-D042-451A-9DD4-A8C9EA7102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2B214D-8A87-443C-8B08-BBD68F3CBDC6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4156695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EEB33AC6-0AC8-4D40-8CEF-AE3DEBA9AC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9999" y="225601"/>
            <a:ext cx="11866225" cy="45543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dirty="0"/>
              <a:t>Modifiez le style du titre	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849CC7D0-6791-4FCE-9F1E-822F69F1AA7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80000" y="818556"/>
            <a:ext cx="11866226" cy="535840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dirty="0"/>
              <a:t>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DBF1255-BAF3-4236-8EFC-79E3CC58CAE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93818" y="6356350"/>
            <a:ext cx="258758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9AAAA8E-7501-47A7-B225-7AD486BA708D}" type="datetimeFigureOut">
              <a:rPr lang="fr-FR" smtClean="0"/>
              <a:t>26/01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C4059F9-2BD9-427F-B6CD-A2AFAE79497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9B259851-DE26-4373-BDC9-531757928C0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2B214D-8A87-443C-8B08-BBD68F3CBDC6}" type="slidenum">
              <a:rPr lang="fr-FR" smtClean="0"/>
              <a:t>‹N°›</a:t>
            </a:fld>
            <a:endParaRPr lang="fr-FR"/>
          </a:p>
        </p:txBody>
      </p:sp>
      <p:grpSp>
        <p:nvGrpSpPr>
          <p:cNvPr id="7" name="Groupe 6">
            <a:extLst>
              <a:ext uri="{FF2B5EF4-FFF2-40B4-BE49-F238E27FC236}">
                <a16:creationId xmlns:a16="http://schemas.microsoft.com/office/drawing/2014/main" id="{E8BE9280-16A5-4A2F-BD7C-5E085FE82D75}"/>
              </a:ext>
            </a:extLst>
          </p:cNvPr>
          <p:cNvGrpSpPr/>
          <p:nvPr userDrawn="1"/>
        </p:nvGrpSpPr>
        <p:grpSpPr>
          <a:xfrm>
            <a:off x="180000" y="6480000"/>
            <a:ext cx="813818" cy="276018"/>
            <a:chOff x="220980" y="6445457"/>
            <a:chExt cx="813818" cy="276018"/>
          </a:xfrm>
        </p:grpSpPr>
        <p:pic>
          <p:nvPicPr>
            <p:cNvPr id="8" name="Image 7">
              <a:extLst>
                <a:ext uri="{FF2B5EF4-FFF2-40B4-BE49-F238E27FC236}">
                  <a16:creationId xmlns:a16="http://schemas.microsoft.com/office/drawing/2014/main" id="{6016F65D-51E8-47F2-9AE6-20B9B73F52E8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1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20980" y="6445457"/>
              <a:ext cx="813818" cy="152400"/>
            </a:xfrm>
            <a:prstGeom prst="rect">
              <a:avLst/>
            </a:prstGeom>
          </p:spPr>
        </p:pic>
        <p:sp>
          <p:nvSpPr>
            <p:cNvPr id="9" name="ZoneTexte 8">
              <a:extLst>
                <a:ext uri="{FF2B5EF4-FFF2-40B4-BE49-F238E27FC236}">
                  <a16:creationId xmlns:a16="http://schemas.microsoft.com/office/drawing/2014/main" id="{C9CFA73D-A6E9-4AB6-A328-D2B90EDFC654}"/>
                </a:ext>
              </a:extLst>
            </p:cNvPr>
            <p:cNvSpPr txBox="1"/>
            <p:nvPr userDrawn="1"/>
          </p:nvSpPr>
          <p:spPr>
            <a:xfrm>
              <a:off x="220980" y="6582976"/>
              <a:ext cx="813818" cy="13849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fr-FR" sz="900" b="1" dirty="0" err="1">
                  <a:latin typeface="Arial" panose="020B0604020202020204" pitchFamily="34" charset="0"/>
                  <a:cs typeface="Arial" panose="020B0604020202020204" pitchFamily="34" charset="0"/>
                </a:rPr>
                <a:t>Cnes</a:t>
              </a:r>
              <a:r>
                <a:rPr lang="fr-FR" sz="900" b="1" dirty="0">
                  <a:latin typeface="Arial" panose="020B0604020202020204" pitchFamily="34" charset="0"/>
                  <a:cs typeface="Arial" panose="020B0604020202020204" pitchFamily="34" charset="0"/>
                </a:rPr>
                <a:t>/Aviso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9056009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1" r:id="rId1"/>
    <p:sldLayoutId id="2147483822" r:id="rId2"/>
    <p:sldLayoutId id="2147483823" r:id="rId3"/>
    <p:sldLayoutId id="2147483824" r:id="rId4"/>
    <p:sldLayoutId id="2147483825" r:id="rId5"/>
    <p:sldLayoutId id="2147483826" r:id="rId6"/>
    <p:sldLayoutId id="2147483827" r:id="rId7"/>
    <p:sldLayoutId id="2147483828" r:id="rId8"/>
    <p:sldLayoutId id="2147483829" r:id="rId9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tabLst>
          <a:tab pos="11661775" algn="r"/>
        </a:tabLst>
        <a:defRPr sz="4400" u="sng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8.jp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2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4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6.jpe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fdr4alt.org/" TargetMode="External"/><Relationship Id="rId3" Type="http://schemas.openxmlformats.org/officeDocument/2006/relationships/hyperlink" Target="http://hydroweb.theia-land.fr/" TargetMode="External"/><Relationship Id="rId7" Type="http://schemas.openxmlformats.org/officeDocument/2006/relationships/hyperlink" Target="http://altimetry.esa.int/riverlake/shared/main.html" TargetMode="External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ipad.fas.usda.gov/cropexplorer/global_reservoir/" TargetMode="External"/><Relationship Id="rId5" Type="http://schemas.openxmlformats.org/officeDocument/2006/relationships/hyperlink" Target="https://dahiti.dgfi.tum.de/en/" TargetMode="External"/><Relationship Id="rId4" Type="http://schemas.openxmlformats.org/officeDocument/2006/relationships/hyperlink" Target="https://land.copernicus.eu/global/products/wl" TargetMode="Externa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slideLayout" Target="../slideLayouts/slideLayout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notesSlide" Target="../notesSlides/notesSlide2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.JP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4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e 5">
            <a:extLst>
              <a:ext uri="{FF2B5EF4-FFF2-40B4-BE49-F238E27FC236}">
                <a16:creationId xmlns:a16="http://schemas.microsoft.com/office/drawing/2014/main" id="{0B15C7B8-52EB-4609-82CA-FEB00718D25E}"/>
              </a:ext>
            </a:extLst>
          </p:cNvPr>
          <p:cNvGrpSpPr/>
          <p:nvPr/>
        </p:nvGrpSpPr>
        <p:grpSpPr>
          <a:xfrm>
            <a:off x="-105258" y="-11843"/>
            <a:ext cx="12297258" cy="6869843"/>
            <a:chOff x="-48344" y="0"/>
            <a:chExt cx="12297258" cy="7821488"/>
          </a:xfrm>
        </p:grpSpPr>
        <p:pic>
          <p:nvPicPr>
            <p:cNvPr id="7" name="Image 6">
              <a:extLst>
                <a:ext uri="{FF2B5EF4-FFF2-40B4-BE49-F238E27FC236}">
                  <a16:creationId xmlns:a16="http://schemas.microsoft.com/office/drawing/2014/main" id="{649D6CFA-8B1F-4287-813E-58318D24B0E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b="-192"/>
            <a:stretch/>
          </p:blipFill>
          <p:spPr>
            <a:xfrm rot="5400000">
              <a:off x="2185256" y="-2233600"/>
              <a:ext cx="7821488" cy="12288688"/>
            </a:xfrm>
            <a:prstGeom prst="rect">
              <a:avLst/>
            </a:prstGeom>
          </p:spPr>
        </p:pic>
        <p:sp>
          <p:nvSpPr>
            <p:cNvPr id="8" name="ZoneTexte 7">
              <a:extLst>
                <a:ext uri="{FF2B5EF4-FFF2-40B4-BE49-F238E27FC236}">
                  <a16:creationId xmlns:a16="http://schemas.microsoft.com/office/drawing/2014/main" id="{9C942858-2612-4DC1-B682-F528CACE25A1}"/>
                </a:ext>
              </a:extLst>
            </p:cNvPr>
            <p:cNvSpPr txBox="1"/>
            <p:nvPr/>
          </p:nvSpPr>
          <p:spPr>
            <a:xfrm>
              <a:off x="9326319" y="7466987"/>
              <a:ext cx="2922595" cy="2978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100" dirty="0">
                  <a:solidFill>
                    <a:schemeClr val="bg2"/>
                  </a:solidFill>
                </a:rPr>
                <a:t>Simone </a:t>
              </a:r>
              <a:r>
                <a:rPr lang="en-US" sz="1100" dirty="0" err="1">
                  <a:solidFill>
                    <a:schemeClr val="bg2"/>
                  </a:solidFill>
                </a:rPr>
                <a:t>Stuenzi</a:t>
              </a:r>
              <a:r>
                <a:rPr lang="en-US" sz="1100" dirty="0">
                  <a:solidFill>
                    <a:schemeClr val="bg2"/>
                  </a:solidFill>
                </a:rPr>
                <a:t> via </a:t>
              </a:r>
              <a:r>
                <a:rPr lang="en-US" sz="1100" dirty="0" err="1">
                  <a:solidFill>
                    <a:schemeClr val="bg2"/>
                  </a:solidFill>
                </a:rPr>
                <a:t>imaggeo</a:t>
              </a:r>
              <a:r>
                <a:rPr lang="en-US" sz="1100" dirty="0">
                  <a:solidFill>
                    <a:schemeClr val="bg2"/>
                  </a:solidFill>
                </a:rPr>
                <a:t>  CC-BY-SA3,0</a:t>
              </a:r>
              <a:endParaRPr lang="fr-FR" sz="1100" dirty="0">
                <a:solidFill>
                  <a:schemeClr val="bg2"/>
                </a:solidFill>
              </a:endParaRPr>
            </a:p>
          </p:txBody>
        </p:sp>
        <p:grpSp>
          <p:nvGrpSpPr>
            <p:cNvPr id="9" name="Groupe 8">
              <a:extLst>
                <a:ext uri="{FF2B5EF4-FFF2-40B4-BE49-F238E27FC236}">
                  <a16:creationId xmlns:a16="http://schemas.microsoft.com/office/drawing/2014/main" id="{866EBB44-DB15-4424-81D2-15556FDA998F}"/>
                </a:ext>
              </a:extLst>
            </p:cNvPr>
            <p:cNvGrpSpPr/>
            <p:nvPr/>
          </p:nvGrpSpPr>
          <p:grpSpPr>
            <a:xfrm>
              <a:off x="119336" y="7466987"/>
              <a:ext cx="813818" cy="276018"/>
              <a:chOff x="220980" y="6445457"/>
              <a:chExt cx="813818" cy="276018"/>
            </a:xfrm>
          </p:grpSpPr>
          <p:pic>
            <p:nvPicPr>
              <p:cNvPr id="10" name="Image 9">
                <a:extLst>
                  <a:ext uri="{FF2B5EF4-FFF2-40B4-BE49-F238E27FC236}">
                    <a16:creationId xmlns:a16="http://schemas.microsoft.com/office/drawing/2014/main" id="{682527F4-3924-44E5-9750-756BD5306F31}"/>
                  </a:ext>
                </a:extLst>
              </p:cNvPr>
              <p:cNvPicPr>
                <a:picLocks noChangeAspect="1"/>
              </p:cNvPicPr>
              <p:nvPr userDrawn="1"/>
            </p:nvPicPr>
            <p:blipFill>
              <a:blip r:embed="rId4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220980" y="6445457"/>
                <a:ext cx="813818" cy="152400"/>
              </a:xfrm>
              <a:prstGeom prst="rect">
                <a:avLst/>
              </a:prstGeom>
            </p:spPr>
          </p:pic>
          <p:sp>
            <p:nvSpPr>
              <p:cNvPr id="11" name="ZoneTexte 10">
                <a:extLst>
                  <a:ext uri="{FF2B5EF4-FFF2-40B4-BE49-F238E27FC236}">
                    <a16:creationId xmlns:a16="http://schemas.microsoft.com/office/drawing/2014/main" id="{1D24DDE3-B9A4-4A44-98E1-164F69ACDC1E}"/>
                  </a:ext>
                </a:extLst>
              </p:cNvPr>
              <p:cNvSpPr txBox="1"/>
              <p:nvPr userDrawn="1"/>
            </p:nvSpPr>
            <p:spPr>
              <a:xfrm>
                <a:off x="220980" y="6582976"/>
                <a:ext cx="813818" cy="13849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/>
                <a:r>
                  <a:rPr lang="fr-FR" sz="900" b="1" dirty="0" err="1">
                    <a:solidFill>
                      <a:schemeClr val="bg1"/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Cnes</a:t>
                </a:r>
                <a:r>
                  <a:rPr lang="fr-FR" sz="900" b="1" dirty="0">
                    <a:solidFill>
                      <a:schemeClr val="bg1"/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/Aviso</a:t>
                </a:r>
              </a:p>
            </p:txBody>
          </p:sp>
        </p:grpSp>
      </p:grpSp>
      <p:sp>
        <p:nvSpPr>
          <p:cNvPr id="6146" name="Titr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bg1"/>
                </a:solidFill>
              </a:rPr>
              <a:t>Hauteurs d’eau :</a:t>
            </a:r>
            <a:br>
              <a:rPr lang="fr-FR" dirty="0">
                <a:solidFill>
                  <a:schemeClr val="bg1"/>
                </a:solidFill>
              </a:rPr>
            </a:br>
            <a:r>
              <a:rPr lang="fr-FR" dirty="0">
                <a:solidFill>
                  <a:schemeClr val="bg1"/>
                </a:solidFill>
              </a:rPr>
              <a:t>les satellites / les instruments	</a:t>
            </a:r>
          </a:p>
        </p:txBody>
      </p:sp>
      <p:sp>
        <p:nvSpPr>
          <p:cNvPr id="5" name="Espace réservé du texte 4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defRPr/>
            </a:pPr>
            <a:endParaRPr lang="fr-FR" dirty="0"/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5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yosat-2	</a:t>
            </a:r>
          </a:p>
        </p:txBody>
      </p:sp>
      <p:sp>
        <p:nvSpPr>
          <p:cNvPr id="19459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828675"/>
            <a:ext cx="7050467" cy="541020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fr-FR" sz="2000" dirty="0"/>
              <a:t>Esa</a:t>
            </a:r>
          </a:p>
          <a:p>
            <a:endParaRPr lang="fr-FR" sz="2000" dirty="0"/>
          </a:p>
          <a:p>
            <a:r>
              <a:rPr lang="fr-FR" sz="2000" dirty="0"/>
              <a:t>Lancement :	8 avril 2010</a:t>
            </a:r>
          </a:p>
          <a:p>
            <a:r>
              <a:rPr lang="fr-FR" sz="2000" dirty="0"/>
              <a:t>Mission :	Observer les régions polaires</a:t>
            </a:r>
          </a:p>
          <a:p>
            <a:r>
              <a:rPr lang="fr-FR" sz="2000" dirty="0"/>
              <a:t>Altitude :	717 km</a:t>
            </a:r>
          </a:p>
          <a:p>
            <a:endParaRPr lang="fr-FR" sz="2000" dirty="0"/>
          </a:p>
          <a:p>
            <a:r>
              <a:rPr lang="fr-FR" sz="2000" dirty="0"/>
              <a:t>Charge utile :</a:t>
            </a:r>
          </a:p>
          <a:p>
            <a:pPr lvl="1"/>
            <a:r>
              <a:rPr lang="fr-FR" sz="1800" dirty="0"/>
              <a:t>	altimètre interféromètre (</a:t>
            </a:r>
            <a:r>
              <a:rPr lang="fr-FR" sz="1800" dirty="0" err="1"/>
              <a:t>Siral</a:t>
            </a:r>
            <a:r>
              <a:rPr lang="fr-FR" sz="1800" dirty="0"/>
              <a:t>)</a:t>
            </a:r>
            <a:br>
              <a:rPr lang="fr-FR" sz="1800" dirty="0"/>
            </a:br>
            <a:r>
              <a:rPr lang="fr-FR" sz="1800" dirty="0"/>
              <a:t>(instrument à « retard Doppler » (mode « SAR »))</a:t>
            </a:r>
          </a:p>
          <a:p>
            <a:pPr lvl="1"/>
            <a:r>
              <a:rPr lang="fr-FR" sz="1800" dirty="0"/>
              <a:t>	Détermination d'orbite : Doris, laser (LRR)</a:t>
            </a:r>
          </a:p>
          <a:p>
            <a:endParaRPr lang="fr-FR" sz="2000" dirty="0"/>
          </a:p>
          <a:p>
            <a:r>
              <a:rPr lang="fr-FR" sz="2000" dirty="0"/>
              <a:t>Orbite :</a:t>
            </a:r>
          </a:p>
          <a:p>
            <a:pPr lvl="1"/>
            <a:r>
              <a:rPr lang="fr-FR" sz="1800" dirty="0"/>
              <a:t>	Inclinaison : 92° (non héliosynchrone) </a:t>
            </a:r>
          </a:p>
          <a:p>
            <a:pPr lvl="1"/>
            <a:r>
              <a:rPr lang="fr-FR" sz="1800" dirty="0"/>
              <a:t>	Fréquence de revisite : 369 jours (Mais tous les points sur Terre observé en 30 jours)</a:t>
            </a:r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7B3F7F44-A2F0-45E6-8DF9-BD1AC81FAE13}"/>
              </a:ext>
            </a:extLst>
          </p:cNvPr>
          <p:cNvGrpSpPr/>
          <p:nvPr/>
        </p:nvGrpSpPr>
        <p:grpSpPr>
          <a:xfrm>
            <a:off x="2639616" y="0"/>
            <a:ext cx="3024459" cy="1538639"/>
            <a:chOff x="2639616" y="0"/>
            <a:chExt cx="3024459" cy="1538639"/>
          </a:xfrm>
        </p:grpSpPr>
        <p:pic>
          <p:nvPicPr>
            <p:cNvPr id="6" name="Picture 6" descr="Cryosat copier">
              <a:extLst>
                <a:ext uri="{FF2B5EF4-FFF2-40B4-BE49-F238E27FC236}">
                  <a16:creationId xmlns:a16="http://schemas.microsoft.com/office/drawing/2014/main" id="{EF7B8A79-6824-4E1C-B079-C3CA971B3E7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2639616" y="0"/>
              <a:ext cx="3024459" cy="153863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C3C8E412-1EB7-4BC9-9845-9701520D9B03}"/>
                </a:ext>
              </a:extLst>
            </p:cNvPr>
            <p:cNvSpPr txBox="1"/>
            <p:nvPr/>
          </p:nvSpPr>
          <p:spPr>
            <a:xfrm>
              <a:off x="2639616" y="1277029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Esa</a:t>
              </a:r>
            </a:p>
          </p:txBody>
        </p:sp>
      </p:grpSp>
      <p:grpSp>
        <p:nvGrpSpPr>
          <p:cNvPr id="8" name="Groupe 7">
            <a:extLst>
              <a:ext uri="{FF2B5EF4-FFF2-40B4-BE49-F238E27FC236}">
                <a16:creationId xmlns:a16="http://schemas.microsoft.com/office/drawing/2014/main" id="{E1F7D0A4-707C-4F26-91BB-709EA0657C55}"/>
              </a:ext>
            </a:extLst>
          </p:cNvPr>
          <p:cNvGrpSpPr/>
          <p:nvPr/>
        </p:nvGrpSpPr>
        <p:grpSpPr>
          <a:xfrm>
            <a:off x="7221916" y="825947"/>
            <a:ext cx="4774821" cy="5130325"/>
            <a:chOff x="7221916" y="825947"/>
            <a:chExt cx="4774821" cy="5130325"/>
          </a:xfrm>
        </p:grpSpPr>
        <p:pic>
          <p:nvPicPr>
            <p:cNvPr id="9" name="Image 8">
              <a:extLst>
                <a:ext uri="{FF2B5EF4-FFF2-40B4-BE49-F238E27FC236}">
                  <a16:creationId xmlns:a16="http://schemas.microsoft.com/office/drawing/2014/main" id="{78601486-73E5-4F67-8B17-6E715A2D00D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248128" y="825947"/>
              <a:ext cx="4748609" cy="5106031"/>
            </a:xfrm>
            <a:prstGeom prst="rect">
              <a:avLst/>
            </a:prstGeom>
          </p:spPr>
        </p:pic>
        <p:sp>
          <p:nvSpPr>
            <p:cNvPr id="10" name="ZoneTexte 9">
              <a:extLst>
                <a:ext uri="{FF2B5EF4-FFF2-40B4-BE49-F238E27FC236}">
                  <a16:creationId xmlns:a16="http://schemas.microsoft.com/office/drawing/2014/main" id="{4D3D7D52-9699-4432-83A4-CC86A8184EDB}"/>
                </a:ext>
              </a:extLst>
            </p:cNvPr>
            <p:cNvSpPr txBox="1"/>
            <p:nvPr/>
          </p:nvSpPr>
          <p:spPr>
            <a:xfrm>
              <a:off x="7221916" y="5694662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/>
              <a:t>Saral</a:t>
            </a:r>
            <a:r>
              <a:rPr lang="fr-FR" dirty="0"/>
              <a:t>	</a:t>
            </a:r>
          </a:p>
        </p:txBody>
      </p:sp>
      <p:sp>
        <p:nvSpPr>
          <p:cNvPr id="21507" name="Rectangle 3"/>
          <p:cNvSpPr>
            <a:spLocks noGrp="1" noChangeArrowheads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buNone/>
            </a:pPr>
            <a:r>
              <a:rPr lang="fr-FR" sz="2000" dirty="0" err="1"/>
              <a:t>Cnes</a:t>
            </a:r>
            <a:r>
              <a:rPr lang="fr-FR" sz="2000" dirty="0"/>
              <a:t>/</a:t>
            </a:r>
            <a:r>
              <a:rPr lang="fr-FR" sz="2000" dirty="0" err="1"/>
              <a:t>Isro</a:t>
            </a:r>
            <a:endParaRPr lang="fr-FR" sz="2000" dirty="0"/>
          </a:p>
          <a:p>
            <a:endParaRPr lang="fr-FR" sz="2000" dirty="0"/>
          </a:p>
          <a:p>
            <a:r>
              <a:rPr lang="fr-FR" sz="2000" dirty="0"/>
              <a:t>Lancement : 	25 février 2013</a:t>
            </a:r>
          </a:p>
          <a:p>
            <a:r>
              <a:rPr lang="fr-FR" sz="2000" dirty="0"/>
              <a:t>Mission :	Observer les océans</a:t>
            </a:r>
          </a:p>
          <a:p>
            <a:r>
              <a:rPr lang="fr-FR" sz="2000" dirty="0"/>
              <a:t>Altitude :	800 km</a:t>
            </a:r>
          </a:p>
          <a:p>
            <a:endParaRPr lang="fr-FR" sz="2000" dirty="0"/>
          </a:p>
          <a:p>
            <a:r>
              <a:rPr lang="fr-FR" sz="2000" dirty="0"/>
              <a:t>Charge utile :</a:t>
            </a:r>
          </a:p>
          <a:p>
            <a:pPr lvl="1"/>
            <a:r>
              <a:rPr lang="fr-FR" sz="1800" dirty="0"/>
              <a:t>	Altimètre-radiomètre </a:t>
            </a:r>
            <a:r>
              <a:rPr lang="fr-FR" sz="1800" dirty="0" err="1"/>
              <a:t>AltiKa</a:t>
            </a:r>
            <a:endParaRPr lang="fr-FR" sz="1800" dirty="0"/>
          </a:p>
          <a:p>
            <a:pPr lvl="1"/>
            <a:r>
              <a:rPr lang="fr-FR" sz="1800" dirty="0"/>
              <a:t>	Détermination d'orbite : laser (LRA), Doris</a:t>
            </a:r>
            <a:br>
              <a:rPr lang="fr-FR" sz="1800" dirty="0"/>
            </a:br>
            <a:r>
              <a:rPr lang="fr-FR" sz="1800" dirty="0"/>
              <a:t>(+ instrument Argos3) </a:t>
            </a:r>
            <a:br>
              <a:rPr lang="fr-FR" sz="1800" dirty="0"/>
            </a:br>
            <a:endParaRPr lang="fr-FR" sz="1800" dirty="0"/>
          </a:p>
          <a:p>
            <a:r>
              <a:rPr lang="fr-FR" sz="2000" dirty="0"/>
              <a:t>Orbite :</a:t>
            </a:r>
          </a:p>
          <a:p>
            <a:pPr lvl="1"/>
            <a:r>
              <a:rPr lang="fr-FR" sz="1800" dirty="0"/>
              <a:t>	Inclinaison : 98.5 °(héliosynchrone) </a:t>
            </a:r>
          </a:p>
          <a:p>
            <a:pPr lvl="1"/>
            <a:r>
              <a:rPr lang="fr-FR" sz="1800" dirty="0"/>
              <a:t>	Fréquence de revisite : 35 jours</a:t>
            </a:r>
          </a:p>
          <a:p>
            <a:pPr lvl="1"/>
            <a:r>
              <a:rPr lang="fr-FR" sz="1800" dirty="0"/>
              <a:t>	distance inter-trace à l'équateur : 80 km</a:t>
            </a: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D0C7B36F-0009-4218-BD6D-C2777E22621E}"/>
              </a:ext>
            </a:extLst>
          </p:cNvPr>
          <p:cNvSpPr txBox="1"/>
          <p:nvPr/>
        </p:nvSpPr>
        <p:spPr>
          <a:xfrm>
            <a:off x="10784174" y="6100375"/>
            <a:ext cx="1504514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2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© Cnes /ill. O. Sattler</a:t>
            </a:r>
          </a:p>
        </p:txBody>
      </p:sp>
      <p:grpSp>
        <p:nvGrpSpPr>
          <p:cNvPr id="9" name="Groupe 8">
            <a:extLst>
              <a:ext uri="{FF2B5EF4-FFF2-40B4-BE49-F238E27FC236}">
                <a16:creationId xmlns:a16="http://schemas.microsoft.com/office/drawing/2014/main" id="{2D142AE1-BBA8-476D-B195-7C37F76319C1}"/>
              </a:ext>
            </a:extLst>
          </p:cNvPr>
          <p:cNvGrpSpPr/>
          <p:nvPr/>
        </p:nvGrpSpPr>
        <p:grpSpPr>
          <a:xfrm>
            <a:off x="6672064" y="690176"/>
            <a:ext cx="5496842" cy="6057744"/>
            <a:chOff x="6672064" y="690176"/>
            <a:chExt cx="5496842" cy="6057744"/>
          </a:xfrm>
        </p:grpSpPr>
        <p:pic>
          <p:nvPicPr>
            <p:cNvPr id="7" name="Image 6">
              <a:extLst>
                <a:ext uri="{FF2B5EF4-FFF2-40B4-BE49-F238E27FC236}">
                  <a16:creationId xmlns:a16="http://schemas.microsoft.com/office/drawing/2014/main" id="{CE598244-7A49-422E-BBE8-F8C3FEF5B20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672064" y="690176"/>
              <a:ext cx="5496842" cy="6057744"/>
            </a:xfrm>
            <a:prstGeom prst="rect">
              <a:avLst/>
            </a:prstGeom>
          </p:spPr>
        </p:pic>
        <p:sp>
          <p:nvSpPr>
            <p:cNvPr id="11" name="ZoneTexte 10">
              <a:extLst>
                <a:ext uri="{FF2B5EF4-FFF2-40B4-BE49-F238E27FC236}">
                  <a16:creationId xmlns:a16="http://schemas.microsoft.com/office/drawing/2014/main" id="{1C2B9247-D47C-4940-8ABA-479A3C69AC9F}"/>
                </a:ext>
              </a:extLst>
            </p:cNvPr>
            <p:cNvSpPr txBox="1"/>
            <p:nvPr/>
          </p:nvSpPr>
          <p:spPr>
            <a:xfrm>
              <a:off x="6677000" y="6448317"/>
              <a:ext cx="1683474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Cnes/Mira Production</a:t>
              </a:r>
            </a:p>
          </p:txBody>
        </p:sp>
      </p:grpSp>
      <p:grpSp>
        <p:nvGrpSpPr>
          <p:cNvPr id="8" name="Groupe 7">
            <a:extLst>
              <a:ext uri="{FF2B5EF4-FFF2-40B4-BE49-F238E27FC236}">
                <a16:creationId xmlns:a16="http://schemas.microsoft.com/office/drawing/2014/main" id="{3F54F15B-66D5-4744-A2E4-8F0B8B3699DF}"/>
              </a:ext>
            </a:extLst>
          </p:cNvPr>
          <p:cNvGrpSpPr/>
          <p:nvPr/>
        </p:nvGrpSpPr>
        <p:grpSpPr>
          <a:xfrm>
            <a:off x="2423592" y="0"/>
            <a:ext cx="1901952" cy="1712976"/>
            <a:chOff x="2423592" y="0"/>
            <a:chExt cx="1901952" cy="1712976"/>
          </a:xfrm>
        </p:grpSpPr>
        <p:pic>
          <p:nvPicPr>
            <p:cNvPr id="4" name="Image 3">
              <a:extLst>
                <a:ext uri="{FF2B5EF4-FFF2-40B4-BE49-F238E27FC236}">
                  <a16:creationId xmlns:a16="http://schemas.microsoft.com/office/drawing/2014/main" id="{F7D406E6-0750-4076-B99B-0C79E0A5E5B0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423592" y="0"/>
              <a:ext cx="1901952" cy="1712976"/>
            </a:xfrm>
            <a:prstGeom prst="rect">
              <a:avLst/>
            </a:prstGeom>
          </p:spPr>
        </p:pic>
        <p:sp>
          <p:nvSpPr>
            <p:cNvPr id="12" name="ZoneTexte 11">
              <a:extLst>
                <a:ext uri="{FF2B5EF4-FFF2-40B4-BE49-F238E27FC236}">
                  <a16:creationId xmlns:a16="http://schemas.microsoft.com/office/drawing/2014/main" id="{F623C543-CDB4-4660-9940-3C4CA52A0BF0}"/>
                </a:ext>
              </a:extLst>
            </p:cNvPr>
            <p:cNvSpPr txBox="1"/>
            <p:nvPr/>
          </p:nvSpPr>
          <p:spPr>
            <a:xfrm>
              <a:off x="3011625" y="1325130"/>
              <a:ext cx="657552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>
                      <a:lumMod val="75000"/>
                    </a:schemeClr>
                  </a:solidFill>
                </a:rPr>
                <a:t>© Cnes</a:t>
              </a:r>
            </a:p>
          </p:txBody>
        </p:sp>
      </p:grp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e 4">
            <a:extLst>
              <a:ext uri="{FF2B5EF4-FFF2-40B4-BE49-F238E27FC236}">
                <a16:creationId xmlns:a16="http://schemas.microsoft.com/office/drawing/2014/main" id="{7E8E4161-B3C0-4E1B-8420-50AE4F5C4480}"/>
              </a:ext>
            </a:extLst>
          </p:cNvPr>
          <p:cNvGrpSpPr/>
          <p:nvPr/>
        </p:nvGrpSpPr>
        <p:grpSpPr>
          <a:xfrm>
            <a:off x="2423592" y="-11104"/>
            <a:ext cx="2690541" cy="1723381"/>
            <a:chOff x="2423592" y="-11104"/>
            <a:chExt cx="2690541" cy="1723381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AD389DB1-4058-48EF-9B9A-02CC5C9586B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567608" y="-11104"/>
              <a:ext cx="2546525" cy="1723381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06B2BBBF-879E-46AA-A66E-42F029CF484B}"/>
                </a:ext>
              </a:extLst>
            </p:cNvPr>
            <p:cNvSpPr txBox="1"/>
            <p:nvPr/>
          </p:nvSpPr>
          <p:spPr>
            <a:xfrm>
              <a:off x="2423592" y="1079157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sp>
        <p:nvSpPr>
          <p:cNvPr id="23554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Jason-3	</a:t>
            </a:r>
          </a:p>
        </p:txBody>
      </p:sp>
      <p:sp>
        <p:nvSpPr>
          <p:cNvPr id="23555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1340767"/>
            <a:ext cx="11877675" cy="489810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fr-FR" sz="2400" dirty="0" err="1"/>
              <a:t>Eumetsat</a:t>
            </a:r>
            <a:r>
              <a:rPr lang="fr-FR" sz="2400" dirty="0"/>
              <a:t>/</a:t>
            </a:r>
            <a:r>
              <a:rPr lang="fr-FR" sz="2400" dirty="0" err="1"/>
              <a:t>Noaa</a:t>
            </a:r>
            <a:r>
              <a:rPr lang="fr-FR" sz="2400" dirty="0"/>
              <a:t>/Cnes/Nasa</a:t>
            </a:r>
          </a:p>
          <a:p>
            <a:pPr marL="0" indent="0">
              <a:buNone/>
            </a:pPr>
            <a:endParaRPr lang="fr-FR" sz="2000" dirty="0"/>
          </a:p>
          <a:p>
            <a:r>
              <a:rPr lang="fr-FR" sz="2000" dirty="0"/>
              <a:t>Lancement :	17 janvier 2016</a:t>
            </a:r>
          </a:p>
          <a:p>
            <a:r>
              <a:rPr lang="fr-FR" sz="2000" dirty="0"/>
              <a:t>Mission :	Mesurer la hauteur des océans</a:t>
            </a:r>
          </a:p>
          <a:p>
            <a:r>
              <a:rPr lang="fr-FR" sz="2000" dirty="0"/>
              <a:t>Altitude :	 1336 km</a:t>
            </a:r>
          </a:p>
          <a:p>
            <a:r>
              <a:rPr lang="fr-FR" sz="2000" dirty="0"/>
              <a:t>Charge utile :</a:t>
            </a:r>
          </a:p>
          <a:p>
            <a:pPr lvl="1"/>
            <a:r>
              <a:rPr lang="fr-FR" sz="1800" dirty="0"/>
              <a:t>	altimètre bi-fréquence(Poseidon-3B)</a:t>
            </a:r>
          </a:p>
          <a:p>
            <a:pPr lvl="1"/>
            <a:r>
              <a:rPr lang="fr-FR" sz="1800" dirty="0"/>
              <a:t>	radiomètre tri-fréquence</a:t>
            </a:r>
          </a:p>
          <a:p>
            <a:pPr lvl="1"/>
            <a:r>
              <a:rPr lang="fr-FR" sz="1800" dirty="0"/>
              <a:t>	Détermination d'orbite : laser , Doris, GPS</a:t>
            </a:r>
            <a:endParaRPr lang="fr-FR" sz="2000" dirty="0"/>
          </a:p>
          <a:p>
            <a:r>
              <a:rPr lang="fr-FR" sz="2000" dirty="0"/>
              <a:t>Orbite :</a:t>
            </a:r>
          </a:p>
          <a:p>
            <a:pPr lvl="1"/>
            <a:r>
              <a:rPr lang="fr-FR" sz="1800" dirty="0"/>
              <a:t>	Inclinaison : 66° (non héliosynchrone) </a:t>
            </a:r>
          </a:p>
          <a:p>
            <a:pPr lvl="1"/>
            <a:r>
              <a:rPr lang="fr-FR" sz="1800" dirty="0"/>
              <a:t>	Fréquence de revisite : 10 jours</a:t>
            </a:r>
          </a:p>
          <a:p>
            <a:pPr lvl="1"/>
            <a:r>
              <a:rPr lang="fr-FR" sz="1800" dirty="0"/>
              <a:t>	Distance inter-trace à l'équateur : 315 km </a:t>
            </a:r>
          </a:p>
        </p:txBody>
      </p:sp>
      <p:grpSp>
        <p:nvGrpSpPr>
          <p:cNvPr id="8" name="Groupe 7">
            <a:extLst>
              <a:ext uri="{FF2B5EF4-FFF2-40B4-BE49-F238E27FC236}">
                <a16:creationId xmlns:a16="http://schemas.microsoft.com/office/drawing/2014/main" id="{A3EA3A54-D49A-466E-B3B3-4E9CDA66DF38}"/>
              </a:ext>
            </a:extLst>
          </p:cNvPr>
          <p:cNvGrpSpPr/>
          <p:nvPr/>
        </p:nvGrpSpPr>
        <p:grpSpPr>
          <a:xfrm>
            <a:off x="6447889" y="1079157"/>
            <a:ext cx="5517233" cy="5552132"/>
            <a:chOff x="6447889" y="1079157"/>
            <a:chExt cx="5517233" cy="5552132"/>
          </a:xfrm>
        </p:grpSpPr>
        <p:pic>
          <p:nvPicPr>
            <p:cNvPr id="9" name="Image 8">
              <a:extLst>
                <a:ext uri="{FF2B5EF4-FFF2-40B4-BE49-F238E27FC236}">
                  <a16:creationId xmlns:a16="http://schemas.microsoft.com/office/drawing/2014/main" id="{B4E98FC9-1983-492B-8160-61FCDC0C4DF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47889" y="1079157"/>
              <a:ext cx="5517233" cy="5517233"/>
            </a:xfrm>
            <a:prstGeom prst="rect">
              <a:avLst/>
            </a:prstGeom>
          </p:spPr>
        </p:pic>
        <p:sp>
          <p:nvSpPr>
            <p:cNvPr id="10" name="ZoneTexte 9">
              <a:extLst>
                <a:ext uri="{FF2B5EF4-FFF2-40B4-BE49-F238E27FC236}">
                  <a16:creationId xmlns:a16="http://schemas.microsoft.com/office/drawing/2014/main" id="{E5B4125D-51A2-45D4-BF94-AF386ED56460}"/>
                </a:ext>
              </a:extLst>
            </p:cNvPr>
            <p:cNvSpPr txBox="1"/>
            <p:nvPr/>
          </p:nvSpPr>
          <p:spPr>
            <a:xfrm>
              <a:off x="6447889" y="6369679"/>
              <a:ext cx="939681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Nasa/JPL</a:t>
              </a:r>
            </a:p>
          </p:txBody>
        </p:sp>
      </p:grp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0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Sentinel-3	</a:t>
            </a:r>
          </a:p>
        </p:txBody>
      </p:sp>
      <p:sp>
        <p:nvSpPr>
          <p:cNvPr id="22531" name="Espace réservé du contenu 28"/>
          <p:cNvSpPr>
            <a:spLocks noGrp="1"/>
          </p:cNvSpPr>
          <p:nvPr>
            <p:ph idx="1"/>
          </p:nvPr>
        </p:nvSpPr>
        <p:spPr>
          <a:xfrm>
            <a:off x="171449" y="939542"/>
            <a:ext cx="11877675" cy="541020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fr-FR" sz="2000" dirty="0"/>
              <a:t>Union européenne</a:t>
            </a:r>
          </a:p>
          <a:p>
            <a:r>
              <a:rPr lang="fr-FR" sz="2000" dirty="0"/>
              <a:t>Lancement :	Sentinel-3A  18 février 2016; </a:t>
            </a:r>
            <a:br>
              <a:rPr lang="fr-FR" sz="2000" dirty="0"/>
            </a:br>
            <a:r>
              <a:rPr lang="fr-FR" sz="2000" dirty="0"/>
              <a:t>		Sentinel-3B 25 avril 2018</a:t>
            </a:r>
            <a:br>
              <a:rPr lang="fr-FR" sz="2000" dirty="0"/>
            </a:br>
            <a:r>
              <a:rPr lang="fr-FR" sz="2000" dirty="0"/>
              <a:t>		(à venir : C&amp;D)</a:t>
            </a:r>
          </a:p>
          <a:p>
            <a:r>
              <a:rPr lang="fr-FR" sz="2000" dirty="0"/>
              <a:t>Mission :	fournir des services opérationnels en routine aux puissances publiques, et </a:t>
            </a:r>
            <a:br>
              <a:rPr lang="fr-FR" sz="2000" dirty="0"/>
            </a:br>
            <a:r>
              <a:rPr lang="fr-FR" sz="2000" dirty="0"/>
              <a:t>	aux utilisateurs sur océan et sur terres</a:t>
            </a:r>
          </a:p>
          <a:p>
            <a:r>
              <a:rPr lang="fr-FR" sz="2000" dirty="0"/>
              <a:t>Altitude :	814.5 km</a:t>
            </a:r>
          </a:p>
          <a:p>
            <a:r>
              <a:rPr lang="fr-FR" sz="2000" dirty="0"/>
              <a:t>Charge utile :</a:t>
            </a:r>
          </a:p>
          <a:p>
            <a:pPr lvl="1"/>
            <a:r>
              <a:rPr lang="fr-FR" sz="1800" dirty="0"/>
              <a:t>	altimètre (</a:t>
            </a:r>
            <a:r>
              <a:rPr lang="fr-FR" sz="1800" dirty="0" err="1"/>
              <a:t>Sral</a:t>
            </a:r>
            <a:r>
              <a:rPr lang="fr-FR" sz="1800" dirty="0"/>
              <a:t>) bande C/Ku</a:t>
            </a:r>
            <a:br>
              <a:rPr lang="fr-FR" sz="1800" dirty="0"/>
            </a:br>
            <a:r>
              <a:rPr lang="fr-FR" sz="1800" dirty="0"/>
              <a:t>héritier de </a:t>
            </a:r>
            <a:r>
              <a:rPr lang="fr-FR" sz="1800" dirty="0" err="1"/>
              <a:t>Siral</a:t>
            </a:r>
            <a:r>
              <a:rPr lang="fr-FR" sz="1800" dirty="0"/>
              <a:t> sur </a:t>
            </a:r>
            <a:r>
              <a:rPr lang="fr-FR" sz="1800" dirty="0" err="1"/>
              <a:t>Cryosat</a:t>
            </a:r>
            <a:r>
              <a:rPr lang="fr-FR" sz="1800" dirty="0"/>
              <a:t> </a:t>
            </a:r>
            <a:br>
              <a:rPr lang="fr-FR" sz="1800" dirty="0"/>
            </a:br>
            <a:r>
              <a:rPr lang="fr-FR" sz="1800" dirty="0"/>
              <a:t>(instrument à retard Doppler (mode SAR))</a:t>
            </a:r>
          </a:p>
          <a:p>
            <a:pPr lvl="1"/>
            <a:r>
              <a:rPr lang="fr-FR" sz="1800" dirty="0"/>
              <a:t>	radiomètre (bi-fréquence)</a:t>
            </a:r>
          </a:p>
          <a:p>
            <a:pPr lvl="1"/>
            <a:r>
              <a:rPr lang="fr-FR" sz="1800" dirty="0"/>
              <a:t>	détermination d’orbite : laser (LRR) , Doris, GNSS	 </a:t>
            </a:r>
            <a:endParaRPr lang="fr-FR" sz="2000" dirty="0"/>
          </a:p>
          <a:p>
            <a:r>
              <a:rPr lang="fr-FR" sz="2000" dirty="0"/>
              <a:t>Orbite :</a:t>
            </a:r>
          </a:p>
          <a:p>
            <a:pPr lvl="1"/>
            <a:r>
              <a:rPr lang="fr-FR" sz="1800" dirty="0"/>
              <a:t>	Inclinaison : 98.65° (héliosynchrone) </a:t>
            </a:r>
          </a:p>
          <a:p>
            <a:pPr lvl="1"/>
            <a:r>
              <a:rPr lang="fr-FR" sz="1800" dirty="0"/>
              <a:t>	fréquence de revisite : 27 jours</a:t>
            </a:r>
          </a:p>
        </p:txBody>
      </p:sp>
      <p:grpSp>
        <p:nvGrpSpPr>
          <p:cNvPr id="8" name="Groupe 7">
            <a:extLst>
              <a:ext uri="{FF2B5EF4-FFF2-40B4-BE49-F238E27FC236}">
                <a16:creationId xmlns:a16="http://schemas.microsoft.com/office/drawing/2014/main" id="{99E8F369-8641-49EC-87C4-E7A75C94A9FD}"/>
              </a:ext>
            </a:extLst>
          </p:cNvPr>
          <p:cNvGrpSpPr/>
          <p:nvPr/>
        </p:nvGrpSpPr>
        <p:grpSpPr>
          <a:xfrm>
            <a:off x="5775259" y="2852936"/>
            <a:ext cx="6335839" cy="3686410"/>
            <a:chOff x="5775259" y="2852936"/>
            <a:chExt cx="6335839" cy="3686410"/>
          </a:xfrm>
        </p:grpSpPr>
        <p:pic>
          <p:nvPicPr>
            <p:cNvPr id="3" name="Image 2">
              <a:extLst>
                <a:ext uri="{FF2B5EF4-FFF2-40B4-BE49-F238E27FC236}">
                  <a16:creationId xmlns:a16="http://schemas.microsoft.com/office/drawing/2014/main" id="{74F5E0D9-DE36-41A5-8634-64501329831D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5810688" y="2852936"/>
              <a:ext cx="6300410" cy="3686410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7D33E2BF-FF4D-4045-9AD9-216B092D0066}"/>
                </a:ext>
              </a:extLst>
            </p:cNvPr>
            <p:cNvSpPr txBox="1"/>
            <p:nvPr/>
          </p:nvSpPr>
          <p:spPr>
            <a:xfrm>
              <a:off x="5775259" y="6277736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  <p:grpSp>
        <p:nvGrpSpPr>
          <p:cNvPr id="6" name="Groupe 5">
            <a:extLst>
              <a:ext uri="{FF2B5EF4-FFF2-40B4-BE49-F238E27FC236}">
                <a16:creationId xmlns:a16="http://schemas.microsoft.com/office/drawing/2014/main" id="{48506231-8DAB-40D6-A219-6D9C2D30D9B9}"/>
              </a:ext>
            </a:extLst>
          </p:cNvPr>
          <p:cNvGrpSpPr/>
          <p:nvPr/>
        </p:nvGrpSpPr>
        <p:grpSpPr>
          <a:xfrm>
            <a:off x="2770683" y="4067"/>
            <a:ext cx="3004576" cy="1503686"/>
            <a:chOff x="2770683" y="4067"/>
            <a:chExt cx="3004576" cy="1503686"/>
          </a:xfrm>
        </p:grpSpPr>
        <p:pic>
          <p:nvPicPr>
            <p:cNvPr id="5" name="Image 4">
              <a:extLst>
                <a:ext uri="{FF2B5EF4-FFF2-40B4-BE49-F238E27FC236}">
                  <a16:creationId xmlns:a16="http://schemas.microsoft.com/office/drawing/2014/main" id="{E0D272D0-ED16-4D3F-8CC8-2B60AF5D24B2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770683" y="4067"/>
              <a:ext cx="3004576" cy="1374434"/>
            </a:xfrm>
            <a:prstGeom prst="rect">
              <a:avLst/>
            </a:prstGeom>
          </p:spPr>
        </p:pic>
        <p:sp>
          <p:nvSpPr>
            <p:cNvPr id="10" name="ZoneTexte 9">
              <a:extLst>
                <a:ext uri="{FF2B5EF4-FFF2-40B4-BE49-F238E27FC236}">
                  <a16:creationId xmlns:a16="http://schemas.microsoft.com/office/drawing/2014/main" id="{1C2EAF4C-F54F-42B3-ADE0-B15E7099DB77}"/>
                </a:ext>
              </a:extLst>
            </p:cNvPr>
            <p:cNvSpPr txBox="1"/>
            <p:nvPr/>
          </p:nvSpPr>
          <p:spPr>
            <a:xfrm>
              <a:off x="5204269" y="1246143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5602" name="Picture 5"/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015880" y="0"/>
            <a:ext cx="2628354" cy="15572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5603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Sentinel-6 (Jason-CS)	</a:t>
            </a:r>
          </a:p>
        </p:txBody>
      </p:sp>
      <p:sp>
        <p:nvSpPr>
          <p:cNvPr id="25604" name="Rectangle 3"/>
          <p:cNvSpPr>
            <a:spLocks noGrp="1" noChangeArrowheads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fr-FR" sz="2400" dirty="0"/>
              <a:t>Esa/</a:t>
            </a:r>
            <a:r>
              <a:rPr lang="fr-FR" sz="2400" dirty="0" err="1"/>
              <a:t>Eumetsat</a:t>
            </a:r>
            <a:r>
              <a:rPr lang="fr-FR" sz="2400" dirty="0"/>
              <a:t>/EU/</a:t>
            </a:r>
            <a:r>
              <a:rPr lang="fr-FR" sz="2400" dirty="0" err="1"/>
              <a:t>Noaa</a:t>
            </a:r>
            <a:r>
              <a:rPr lang="fr-FR" sz="2400" dirty="0"/>
              <a:t>/Cnes/Nasa</a:t>
            </a:r>
          </a:p>
          <a:p>
            <a:r>
              <a:rPr lang="fr-FR" sz="2400" dirty="0"/>
              <a:t>Lancement :	Nov. 2020 (A) &amp; 2025 (B)</a:t>
            </a:r>
          </a:p>
          <a:p>
            <a:r>
              <a:rPr lang="fr-FR" sz="2400" dirty="0"/>
              <a:t>Mission :	Mesurer la hauteur des océans, continuer la</a:t>
            </a:r>
          </a:p>
          <a:p>
            <a:pPr marL="0" indent="0">
              <a:buNone/>
            </a:pPr>
            <a:r>
              <a:rPr lang="fr-FR" sz="2400" dirty="0"/>
              <a:t>		série T/P-Jason</a:t>
            </a:r>
          </a:p>
          <a:p>
            <a:r>
              <a:rPr lang="fr-FR" sz="2400" dirty="0"/>
              <a:t>Altitude :	1336 km</a:t>
            </a:r>
          </a:p>
          <a:p>
            <a:r>
              <a:rPr lang="fr-FR" sz="2400" dirty="0"/>
              <a:t>Charge utile :</a:t>
            </a:r>
          </a:p>
          <a:p>
            <a:pPr lvl="1"/>
            <a:r>
              <a:rPr lang="fr-FR" sz="2000" dirty="0"/>
              <a:t>	altimètre “Poseidon-4” basé sur SRAL</a:t>
            </a:r>
            <a:br>
              <a:rPr lang="fr-FR" sz="2000" dirty="0"/>
            </a:br>
            <a:r>
              <a:rPr lang="fr-FR" sz="2000" dirty="0"/>
              <a:t>(instrument à retard Doppler (mode SAR))</a:t>
            </a:r>
          </a:p>
          <a:p>
            <a:pPr lvl="1"/>
            <a:r>
              <a:rPr lang="fr-FR" sz="2000" dirty="0"/>
              <a:t>	radiomètre</a:t>
            </a:r>
          </a:p>
          <a:p>
            <a:pPr lvl="1"/>
            <a:r>
              <a:rPr lang="fr-FR" sz="2000" dirty="0"/>
              <a:t>	Détermination d'orbite : Doris, laser, GNSS </a:t>
            </a:r>
            <a:endParaRPr lang="fr-FR" sz="2400" dirty="0"/>
          </a:p>
          <a:p>
            <a:r>
              <a:rPr lang="fr-FR" sz="2400" dirty="0"/>
              <a:t>Orbite :</a:t>
            </a:r>
          </a:p>
          <a:p>
            <a:pPr lvl="1"/>
            <a:r>
              <a:rPr lang="fr-FR" sz="2000" dirty="0"/>
              <a:t>	Inclinaison : 66° (non héliosynchrone) </a:t>
            </a:r>
          </a:p>
          <a:p>
            <a:pPr lvl="1"/>
            <a:r>
              <a:rPr lang="fr-FR" sz="2000" dirty="0"/>
              <a:t>	Fréquence de revisite : 10 jours</a:t>
            </a:r>
          </a:p>
          <a:p>
            <a:pPr lvl="1"/>
            <a:r>
              <a:rPr lang="fr-FR" sz="2000" dirty="0"/>
              <a:t>	Distance inter-trace à l'équateur : 315 km</a:t>
            </a:r>
            <a:endParaRPr lang="fr-FR" dirty="0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324E9A62-2CF1-45D5-8DB1-1D733D5D2E28}"/>
              </a:ext>
            </a:extLst>
          </p:cNvPr>
          <p:cNvSpPr txBox="1"/>
          <p:nvPr/>
        </p:nvSpPr>
        <p:spPr>
          <a:xfrm>
            <a:off x="5375920" y="1220332"/>
            <a:ext cx="570990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100" dirty="0">
                <a:solidFill>
                  <a:schemeClr val="bg2">
                    <a:lumMod val="75000"/>
                  </a:schemeClr>
                </a:solidFill>
              </a:rPr>
              <a:t>© Esa</a:t>
            </a:r>
          </a:p>
        </p:txBody>
      </p:sp>
      <p:grpSp>
        <p:nvGrpSpPr>
          <p:cNvPr id="4" name="Groupe 3">
            <a:extLst>
              <a:ext uri="{FF2B5EF4-FFF2-40B4-BE49-F238E27FC236}">
                <a16:creationId xmlns:a16="http://schemas.microsoft.com/office/drawing/2014/main" id="{9BB84913-0BC2-441B-965F-1A24D6F1D06A}"/>
              </a:ext>
            </a:extLst>
          </p:cNvPr>
          <p:cNvGrpSpPr/>
          <p:nvPr/>
        </p:nvGrpSpPr>
        <p:grpSpPr>
          <a:xfrm>
            <a:off x="7616229" y="1173292"/>
            <a:ext cx="4575771" cy="5684708"/>
            <a:chOff x="7616229" y="1173292"/>
            <a:chExt cx="4575771" cy="5684708"/>
          </a:xfrm>
        </p:grpSpPr>
        <p:pic>
          <p:nvPicPr>
            <p:cNvPr id="3" name="Image 2">
              <a:extLst>
                <a:ext uri="{FF2B5EF4-FFF2-40B4-BE49-F238E27FC236}">
                  <a16:creationId xmlns:a16="http://schemas.microsoft.com/office/drawing/2014/main" id="{798CB36D-8F70-4AA8-AEB1-BA6F4EC63F7F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644234" y="1173292"/>
              <a:ext cx="4547766" cy="5684708"/>
            </a:xfrm>
            <a:prstGeom prst="rect">
              <a:avLst/>
            </a:prstGeom>
          </p:spPr>
        </p:pic>
        <p:sp>
          <p:nvSpPr>
            <p:cNvPr id="8" name="ZoneTexte 7">
              <a:extLst>
                <a:ext uri="{FF2B5EF4-FFF2-40B4-BE49-F238E27FC236}">
                  <a16:creationId xmlns:a16="http://schemas.microsoft.com/office/drawing/2014/main" id="{09A14672-6BE7-4E7B-A4D5-409B88C2F4DD}"/>
                </a:ext>
              </a:extLst>
            </p:cNvPr>
            <p:cNvSpPr txBox="1"/>
            <p:nvPr/>
          </p:nvSpPr>
          <p:spPr>
            <a:xfrm>
              <a:off x="7616229" y="6583492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</p:spTree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/>
              <a:t>Swot</a:t>
            </a:r>
            <a:r>
              <a:rPr lang="fr-FR" dirty="0"/>
              <a:t>	</a:t>
            </a:r>
          </a:p>
        </p:txBody>
      </p:sp>
      <p:sp>
        <p:nvSpPr>
          <p:cNvPr id="26627" name="Rectangle 3"/>
          <p:cNvSpPr>
            <a:spLocks noGrp="1" noChangeArrowheads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buNone/>
            </a:pPr>
            <a:r>
              <a:rPr lang="fr-FR" sz="2400" dirty="0"/>
              <a:t>Nasa/Cnes/CSA/UKSA</a:t>
            </a:r>
          </a:p>
          <a:p>
            <a:r>
              <a:rPr lang="fr-FR" sz="2400" dirty="0"/>
              <a:t>Lancement :	16 décembre 2022</a:t>
            </a:r>
          </a:p>
          <a:p>
            <a:r>
              <a:rPr lang="fr-FR" sz="2400" dirty="0"/>
              <a:t>Mission :	meilleure compréhension des océans et des</a:t>
            </a:r>
            <a:br>
              <a:rPr lang="fr-FR" sz="2400"/>
            </a:br>
            <a:r>
              <a:rPr lang="fr-FR" sz="2400"/>
              <a:t>		eaux </a:t>
            </a:r>
            <a:r>
              <a:rPr lang="fr-FR" sz="2400" dirty="0"/>
              <a:t>continentales sur Terre</a:t>
            </a:r>
          </a:p>
          <a:p>
            <a:r>
              <a:rPr lang="fr-FR" sz="2400" dirty="0"/>
              <a:t>Altitude :	 890 km </a:t>
            </a:r>
          </a:p>
          <a:p>
            <a:r>
              <a:rPr lang="fr-FR" sz="2400" dirty="0"/>
              <a:t>Charge utile :</a:t>
            </a:r>
          </a:p>
          <a:p>
            <a:pPr lvl="1"/>
            <a:r>
              <a:rPr lang="fr-FR" sz="2000" dirty="0"/>
              <a:t>	altimètre interféromètre (</a:t>
            </a:r>
            <a:r>
              <a:rPr lang="fr-FR" sz="2000" dirty="0" err="1"/>
              <a:t>KaRIn</a:t>
            </a:r>
            <a:r>
              <a:rPr lang="fr-FR" sz="2000" dirty="0"/>
              <a:t>)</a:t>
            </a:r>
          </a:p>
          <a:p>
            <a:pPr lvl="1"/>
            <a:r>
              <a:rPr lang="fr-FR" sz="2000" dirty="0"/>
              <a:t>	altimètre bi-fréquence nadir (Poseidon-3)</a:t>
            </a:r>
          </a:p>
          <a:p>
            <a:pPr lvl="1"/>
            <a:r>
              <a:rPr lang="fr-FR" sz="2000" dirty="0"/>
              <a:t>	radiomètre tri-fréquence</a:t>
            </a:r>
          </a:p>
          <a:p>
            <a:pPr lvl="1"/>
            <a:r>
              <a:rPr lang="fr-FR" sz="2000" dirty="0"/>
              <a:t>	Détermination d'orbite : Doris, laser, GPS</a:t>
            </a:r>
          </a:p>
          <a:p>
            <a:r>
              <a:rPr lang="fr-FR" sz="2400" dirty="0"/>
              <a:t>Orbite :</a:t>
            </a:r>
          </a:p>
          <a:p>
            <a:pPr lvl="1"/>
            <a:r>
              <a:rPr lang="fr-FR" sz="2000" dirty="0"/>
              <a:t>	Inclinaison : 77.6 °(non héliosynchrone) </a:t>
            </a:r>
          </a:p>
          <a:p>
            <a:pPr lvl="1"/>
            <a:r>
              <a:rPr lang="fr-FR" sz="2000" dirty="0"/>
              <a:t>	fréquence de revisite : ~21 jours (20.86455 jours)</a:t>
            </a:r>
          </a:p>
        </p:txBody>
      </p:sp>
      <p:grpSp>
        <p:nvGrpSpPr>
          <p:cNvPr id="6" name="Groupe 5">
            <a:extLst>
              <a:ext uri="{FF2B5EF4-FFF2-40B4-BE49-F238E27FC236}">
                <a16:creationId xmlns:a16="http://schemas.microsoft.com/office/drawing/2014/main" id="{C5AE6761-B716-4273-A4CD-24CD2E32CCAB}"/>
              </a:ext>
            </a:extLst>
          </p:cNvPr>
          <p:cNvGrpSpPr/>
          <p:nvPr/>
        </p:nvGrpSpPr>
        <p:grpSpPr>
          <a:xfrm>
            <a:off x="3287688" y="0"/>
            <a:ext cx="2321074" cy="1324711"/>
            <a:chOff x="3287688" y="0"/>
            <a:chExt cx="2321074" cy="1324711"/>
          </a:xfrm>
        </p:grpSpPr>
        <p:pic>
          <p:nvPicPr>
            <p:cNvPr id="3" name="Image 2">
              <a:extLst>
                <a:ext uri="{FF2B5EF4-FFF2-40B4-BE49-F238E27FC236}">
                  <a16:creationId xmlns:a16="http://schemas.microsoft.com/office/drawing/2014/main" id="{85226249-DD72-48AF-88B1-43BBAB31A2E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287688" y="0"/>
              <a:ext cx="2321074" cy="1324711"/>
            </a:xfrm>
            <a:prstGeom prst="rect">
              <a:avLst/>
            </a:prstGeom>
          </p:spPr>
        </p:pic>
        <p:sp>
          <p:nvSpPr>
            <p:cNvPr id="9" name="ZoneTexte 8">
              <a:extLst>
                <a:ext uri="{FF2B5EF4-FFF2-40B4-BE49-F238E27FC236}">
                  <a16:creationId xmlns:a16="http://schemas.microsoft.com/office/drawing/2014/main" id="{CBE9AD3B-4797-4EB7-AD6D-89A9F88EE3BF}"/>
                </a:ext>
              </a:extLst>
            </p:cNvPr>
            <p:cNvSpPr txBox="1"/>
            <p:nvPr/>
          </p:nvSpPr>
          <p:spPr>
            <a:xfrm>
              <a:off x="4007768" y="1006115"/>
              <a:ext cx="15424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000" dirty="0">
                  <a:solidFill>
                    <a:schemeClr val="bg2">
                      <a:lumMod val="75000"/>
                    </a:schemeClr>
                  </a:solidFill>
                </a:rPr>
                <a:t>© Cnes/Mira Production</a:t>
              </a:r>
            </a:p>
          </p:txBody>
        </p:sp>
      </p:grpSp>
      <p:grpSp>
        <p:nvGrpSpPr>
          <p:cNvPr id="7" name="Groupe 6">
            <a:extLst>
              <a:ext uri="{FF2B5EF4-FFF2-40B4-BE49-F238E27FC236}">
                <a16:creationId xmlns:a16="http://schemas.microsoft.com/office/drawing/2014/main" id="{8E0B9670-5F4A-4697-B5ED-03AFC0702912}"/>
              </a:ext>
            </a:extLst>
          </p:cNvPr>
          <p:cNvGrpSpPr/>
          <p:nvPr/>
        </p:nvGrpSpPr>
        <p:grpSpPr>
          <a:xfrm>
            <a:off x="6647667" y="2237432"/>
            <a:ext cx="5455333" cy="4149080"/>
            <a:chOff x="6647667" y="2237432"/>
            <a:chExt cx="5455333" cy="4149080"/>
          </a:xfrm>
        </p:grpSpPr>
        <p:pic>
          <p:nvPicPr>
            <p:cNvPr id="5" name="Image 4">
              <a:extLst>
                <a:ext uri="{FF2B5EF4-FFF2-40B4-BE49-F238E27FC236}">
                  <a16:creationId xmlns:a16="http://schemas.microsoft.com/office/drawing/2014/main" id="{1F6CB67C-F158-4176-99BF-BB2CCCC9A5F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647667" y="2237432"/>
              <a:ext cx="5455333" cy="4149080"/>
            </a:xfrm>
            <a:prstGeom prst="rect">
              <a:avLst/>
            </a:prstGeom>
          </p:spPr>
        </p:pic>
        <p:sp>
          <p:nvSpPr>
            <p:cNvPr id="11" name="ZoneTexte 10">
              <a:extLst>
                <a:ext uri="{FF2B5EF4-FFF2-40B4-BE49-F238E27FC236}">
                  <a16:creationId xmlns:a16="http://schemas.microsoft.com/office/drawing/2014/main" id="{4A6A49D8-9EDA-4F4A-983B-7BCA29A7F70B}"/>
                </a:ext>
              </a:extLst>
            </p:cNvPr>
            <p:cNvSpPr txBox="1"/>
            <p:nvPr/>
          </p:nvSpPr>
          <p:spPr>
            <a:xfrm>
              <a:off x="6647667" y="6124902"/>
              <a:ext cx="60305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TAS</a:t>
              </a:r>
            </a:p>
          </p:txBody>
        </p:sp>
      </p:grpSp>
    </p:spTree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C86C91D-DAF3-4DE1-BFB6-DB811E0DD1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Accès aux données	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173256FF-A0F5-4576-B013-A6C6EB40B35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err="1"/>
              <a:t>Hydroweb</a:t>
            </a:r>
            <a:r>
              <a:rPr lang="en-US" dirty="0"/>
              <a:t> </a:t>
            </a:r>
            <a:br>
              <a:rPr lang="en-US" dirty="0"/>
            </a:br>
            <a:r>
              <a:rPr lang="en-US" dirty="0">
                <a:hlinkClick r:id="rId3"/>
              </a:rPr>
              <a:t>http://hydroweb.theia-land.fr/</a:t>
            </a:r>
            <a:r>
              <a:rPr lang="en-US" dirty="0"/>
              <a:t>  </a:t>
            </a:r>
          </a:p>
          <a:p>
            <a:r>
              <a:rPr lang="en-US" dirty="0"/>
              <a:t>Copernicus Global </a:t>
            </a:r>
            <a:r>
              <a:rPr lang="en-US"/>
              <a:t>Land  </a:t>
            </a:r>
            <a:br>
              <a:rPr lang="en-US"/>
            </a:br>
            <a:r>
              <a:rPr lang="en-US">
                <a:hlinkClick r:id="rId4"/>
              </a:rPr>
              <a:t>https</a:t>
            </a:r>
            <a:r>
              <a:rPr lang="en-US" dirty="0">
                <a:hlinkClick r:id="rId4"/>
              </a:rPr>
              <a:t>://land.copernicus.eu/global/products/wl</a:t>
            </a:r>
            <a:r>
              <a:rPr lang="en-US" dirty="0"/>
              <a:t> </a:t>
            </a:r>
          </a:p>
          <a:p>
            <a:r>
              <a:rPr lang="en-US" dirty="0"/>
              <a:t>Database for Hydrological Time Series of Inland Waters (DAHITI)</a:t>
            </a:r>
            <a:br>
              <a:rPr lang="en-US" dirty="0"/>
            </a:br>
            <a:r>
              <a:rPr lang="en-US" dirty="0">
                <a:hlinkClick r:id="rId5"/>
              </a:rPr>
              <a:t>https://dahiti.dgfi.tum.de/en/</a:t>
            </a:r>
            <a:endParaRPr lang="en-US" dirty="0"/>
          </a:p>
          <a:p>
            <a:r>
              <a:rPr lang="en-US" dirty="0"/>
              <a:t>Global Reservoirs and Lakes Monitor (G-REALM)</a:t>
            </a:r>
            <a:br>
              <a:rPr lang="en-US" dirty="0"/>
            </a:br>
            <a:r>
              <a:rPr lang="en-US" dirty="0">
                <a:hlinkClick r:id="rId6"/>
              </a:rPr>
              <a:t>https://ipad.fas.usda.gov/cropexplorer/global_reservoir/</a:t>
            </a:r>
            <a:endParaRPr lang="en-US" dirty="0"/>
          </a:p>
          <a:p>
            <a:r>
              <a:rPr lang="en-US" dirty="0"/>
              <a:t>Rivers &amp; Lakes (non mis à jour) : </a:t>
            </a:r>
            <a:br>
              <a:rPr lang="en-US" dirty="0"/>
            </a:br>
            <a:r>
              <a:rPr lang="en-US" dirty="0">
                <a:hlinkClick r:id="rId7"/>
              </a:rPr>
              <a:t>http://altimetry.esa.int/riverlake/shared/main.html</a:t>
            </a:r>
            <a:r>
              <a:rPr lang="en-US" dirty="0"/>
              <a:t> </a:t>
            </a:r>
          </a:p>
          <a:p>
            <a:r>
              <a:rPr lang="en-US" dirty="0"/>
              <a:t>FDR4Alt : </a:t>
            </a:r>
            <a:r>
              <a:rPr lang="fr-FR" dirty="0"/>
              <a:t>mise au point de nouveaux traitements</a:t>
            </a:r>
            <a:r>
              <a:rPr lang="en-US" dirty="0"/>
              <a:t>  </a:t>
            </a:r>
            <a:br>
              <a:rPr lang="en-US" dirty="0"/>
            </a:br>
            <a:r>
              <a:rPr lang="en-US" dirty="0">
                <a:hlinkClick r:id="rId8"/>
              </a:rPr>
              <a:t>https://www.fdr4alt.org/</a:t>
            </a:r>
            <a:r>
              <a:rPr lang="en-US" dirty="0"/>
              <a:t> 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6083536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e 7">
            <a:extLst>
              <a:ext uri="{FF2B5EF4-FFF2-40B4-BE49-F238E27FC236}">
                <a16:creationId xmlns:a16="http://schemas.microsoft.com/office/drawing/2014/main" id="{6E7DAEED-FD3A-430C-A036-E3DD6ECBE109}"/>
              </a:ext>
            </a:extLst>
          </p:cNvPr>
          <p:cNvGrpSpPr/>
          <p:nvPr/>
        </p:nvGrpSpPr>
        <p:grpSpPr>
          <a:xfrm>
            <a:off x="-3576" y="0"/>
            <a:ext cx="12197010" cy="6866662"/>
            <a:chOff x="-3576" y="0"/>
            <a:chExt cx="12197010" cy="6866662"/>
          </a:xfrm>
        </p:grpSpPr>
        <p:pic>
          <p:nvPicPr>
            <p:cNvPr id="6" name="Image 5">
              <a:extLst>
                <a:ext uri="{FF2B5EF4-FFF2-40B4-BE49-F238E27FC236}">
                  <a16:creationId xmlns:a16="http://schemas.microsoft.com/office/drawing/2014/main" id="{D12CFCDE-D949-425E-966A-871FCA669EE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0" y="0"/>
              <a:ext cx="12193434" cy="6858000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4B7636A5-671A-4507-B963-FC7A420E8607}"/>
                </a:ext>
              </a:extLst>
            </p:cNvPr>
            <p:cNvSpPr txBox="1"/>
            <p:nvPr/>
          </p:nvSpPr>
          <p:spPr>
            <a:xfrm>
              <a:off x="-3576" y="6605052"/>
              <a:ext cx="4565673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100" dirty="0">
                  <a:solidFill>
                    <a:schemeClr val="bg2"/>
                  </a:solidFill>
                </a:rPr>
                <a:t>Background photo Dan </a:t>
              </a:r>
              <a:r>
                <a:rPr lang="en-US" sz="1100" dirty="0" err="1">
                  <a:solidFill>
                    <a:schemeClr val="bg2"/>
                  </a:solidFill>
                </a:rPr>
                <a:t>Roizer</a:t>
              </a:r>
              <a:r>
                <a:rPr lang="en-US" sz="1100" dirty="0">
                  <a:solidFill>
                    <a:schemeClr val="bg2"/>
                  </a:solidFill>
                </a:rPr>
                <a:t> for </a:t>
              </a:r>
              <a:r>
                <a:rPr lang="en-US" sz="1100" dirty="0" err="1">
                  <a:solidFill>
                    <a:schemeClr val="bg2"/>
                  </a:solidFill>
                </a:rPr>
                <a:t>Unsplash</a:t>
              </a:r>
              <a:r>
                <a:rPr lang="en-US" sz="1100" dirty="0">
                  <a:solidFill>
                    <a:schemeClr val="bg2"/>
                  </a:solidFill>
                </a:rPr>
                <a:t>, satellites Cnes/D. </a:t>
              </a:r>
              <a:r>
                <a:rPr lang="en-US" sz="1100" dirty="0" err="1">
                  <a:solidFill>
                    <a:schemeClr val="bg2"/>
                  </a:solidFill>
                </a:rPr>
                <a:t>Ducros</a:t>
              </a:r>
              <a:endParaRPr lang="fr-FR" sz="1100" dirty="0">
                <a:solidFill>
                  <a:schemeClr val="bg2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98726987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97" name="OTLSHAPE_T_f98ee9d0e303429a8b73596b9f95407e_HorizontalConnector1">
            <a:extLst>
              <a:ext uri="{FF2B5EF4-FFF2-40B4-BE49-F238E27FC236}">
                <a16:creationId xmlns:a16="http://schemas.microsoft.com/office/drawing/2014/main" id="{B496102D-8E39-4B70-B40A-D91466CE4205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2786395" y="5129620"/>
            <a:ext cx="692194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6" name="OTLSHAPE_T_d82c20d902c540f7af38d2e89d147184_HorizontalConnector1">
            <a:extLst>
              <a:ext uri="{FF2B5EF4-FFF2-40B4-BE49-F238E27FC236}">
                <a16:creationId xmlns:a16="http://schemas.microsoft.com/office/drawing/2014/main" id="{7BC8DFD9-5C84-4652-9416-50F21112B5BF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280302" y="4756071"/>
            <a:ext cx="83358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5" name="OTLSHAPE_T_540020eeff4144c0adb88cb80c6329e2_HorizontalConnector1">
            <a:extLst>
              <a:ext uri="{FF2B5EF4-FFF2-40B4-BE49-F238E27FC236}">
                <a16:creationId xmlns:a16="http://schemas.microsoft.com/office/drawing/2014/main" id="{B3EE6587-23F9-4E48-9CB9-24B65CD9B5EA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66205" y="4435946"/>
            <a:ext cx="785792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4" name="OTLSHAPE_T_bfc5800c10984f0a945f0021608a1f3f_HorizontalConnector1">
            <a:extLst>
              <a:ext uri="{FF2B5EF4-FFF2-40B4-BE49-F238E27FC236}">
                <a16:creationId xmlns:a16="http://schemas.microsoft.com/office/drawing/2014/main" id="{0B4C784F-A6CF-4D50-AC23-15AF2D26327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359762" y="4169246"/>
            <a:ext cx="742716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" name="OTLSHAPE_T_5ef29ca6f6f046d494d22ad4a7c150ed_HorizontalConnector1">
            <a:extLst>
              <a:ext uri="{FF2B5EF4-FFF2-40B4-BE49-F238E27FC236}">
                <a16:creationId xmlns:a16="http://schemas.microsoft.com/office/drawing/2014/main" id="{4C519DA0-2299-4BF0-A404-18B015AF1DD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826230" y="3902546"/>
            <a:ext cx="56531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2" name="OTLSHAPE_T_60581b38ba664cbaaa7fe80c6d17e898_HorizontalConnector1">
            <a:extLst>
              <a:ext uri="{FF2B5EF4-FFF2-40B4-BE49-F238E27FC236}">
                <a16:creationId xmlns:a16="http://schemas.microsoft.com/office/drawing/2014/main" id="{99FFE817-7432-4938-A4AD-22DBFFEA596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270565" y="3635846"/>
            <a:ext cx="656265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7" name="OTLSHAPE_T_0ee05b6b36ba410e91cdd92644ad1d32_HorizontalConnector1">
            <a:extLst>
              <a:ext uri="{FF2B5EF4-FFF2-40B4-BE49-F238E27FC236}">
                <a16:creationId xmlns:a16="http://schemas.microsoft.com/office/drawing/2014/main" id="{FA8E1005-9F85-4DB0-ACC0-405413E9D70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276916" y="3369146"/>
            <a:ext cx="603536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6" name="OTLSHAPE_T_8b618e137a904b3d8bf3975d7ed9ac32_HorizontalConnector1">
            <a:extLst>
              <a:ext uri="{FF2B5EF4-FFF2-40B4-BE49-F238E27FC236}">
                <a16:creationId xmlns:a16="http://schemas.microsoft.com/office/drawing/2014/main" id="{81480E88-C4AA-4C10-B112-60BCA0918BE2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2474610" y="3102446"/>
            <a:ext cx="481747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5" name="OTLSHAPE_T_39ae9590f5e5429f8807946e7956ac0d_HorizontalConnector1">
            <a:extLst>
              <a:ext uri="{FF2B5EF4-FFF2-40B4-BE49-F238E27FC236}">
                <a16:creationId xmlns:a16="http://schemas.microsoft.com/office/drawing/2014/main" id="{0A32C7A4-A0C0-4E7E-BFD8-AFBE77C1C31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283816" y="2835746"/>
            <a:ext cx="529752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4" name="OTLSHAPE_T_511b94c7edbb40bcba0f41892e43da4a_HorizontalConnector1">
            <a:extLst>
              <a:ext uri="{FF2B5EF4-FFF2-40B4-BE49-F238E27FC236}">
                <a16:creationId xmlns:a16="http://schemas.microsoft.com/office/drawing/2014/main" id="{FF4D8C4B-F725-456D-BFC5-F232632C7FF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190174" y="2569046"/>
            <a:ext cx="46817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3" name="OTLSHAPE_T_f561d70e8dae4d07bca80f6f9ed5287c_HorizontalConnector1">
            <a:extLst>
              <a:ext uri="{FF2B5EF4-FFF2-40B4-BE49-F238E27FC236}">
                <a16:creationId xmlns:a16="http://schemas.microsoft.com/office/drawing/2014/main" id="{2CB67EF8-900C-4704-8411-E5D2E277015B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2474610" y="2302346"/>
            <a:ext cx="29551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2" name="OTLSHAPE_T_4dde1da766e044ba9bc550285da95137_HorizontalConnector1">
            <a:extLst>
              <a:ext uri="{FF2B5EF4-FFF2-40B4-BE49-F238E27FC236}">
                <a16:creationId xmlns:a16="http://schemas.microsoft.com/office/drawing/2014/main" id="{116AA96E-F424-4140-98C5-E3FD995BFDC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54073" y="2035646"/>
            <a:ext cx="282564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1" name="OTLSHAPE_T_14ef0de6d864441289e3487f10390f29_HorizontalConnector1">
            <a:extLst>
              <a:ext uri="{FF2B5EF4-FFF2-40B4-BE49-F238E27FC236}">
                <a16:creationId xmlns:a16="http://schemas.microsoft.com/office/drawing/2014/main" id="{5CCDF141-96C2-437F-ACE9-11DB77BE568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65850" y="1768946"/>
            <a:ext cx="12272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0" name="OTLSHAPE_T_005f9b991c2e4c1ba6c37377b6bf3d71_HorizontalConnector1">
            <a:extLst>
              <a:ext uri="{FF2B5EF4-FFF2-40B4-BE49-F238E27FC236}">
                <a16:creationId xmlns:a16="http://schemas.microsoft.com/office/drawing/2014/main" id="{44B8F053-7EC2-4A36-8699-D7A7DB6E68AA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 flipH="1">
            <a:off x="1530772" y="1502246"/>
            <a:ext cx="46991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1" name="OTLSHAPE_T_f4976631e7d042d1ad4ced0c3831faff_HorizontalConnector1">
            <a:extLst>
              <a:ext uri="{FF2B5EF4-FFF2-40B4-BE49-F238E27FC236}">
                <a16:creationId xmlns:a16="http://schemas.microsoft.com/office/drawing/2014/main" id="{69FCF171-3B07-4761-9198-6B16EB12E41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65850" y="1235546"/>
            <a:ext cx="3024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6" name="OTLSHAPE_TB_00000000000000000000000000000000_LeftEndCaps">
            <a:extLst>
              <a:ext uri="{FF2B5EF4-FFF2-40B4-BE49-F238E27FC236}">
                <a16:creationId xmlns:a16="http://schemas.microsoft.com/office/drawing/2014/main" id="{8B90800D-F49D-41B5-AC8F-097738F2CEA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519826" y="545021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1991</a:t>
            </a:r>
          </a:p>
        </p:txBody>
      </p:sp>
      <p:sp>
        <p:nvSpPr>
          <p:cNvPr id="537" name="OTLSHAPE_TB_00000000000000000000000000000000_RightEndCaps">
            <a:extLst>
              <a:ext uri="{FF2B5EF4-FFF2-40B4-BE49-F238E27FC236}">
                <a16:creationId xmlns:a16="http://schemas.microsoft.com/office/drawing/2014/main" id="{C31146F6-8855-424D-A675-9A099941B971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1613360" y="5450210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 dirty="0">
                <a:solidFill>
                  <a:schemeClr val="accent2"/>
                </a:solidFill>
                <a:latin typeface="Calibri" panose="020F0502020204030204" pitchFamily="34" charset="0"/>
              </a:rPr>
              <a:t>2032</a:t>
            </a:r>
          </a:p>
        </p:txBody>
      </p:sp>
      <p:sp>
        <p:nvSpPr>
          <p:cNvPr id="538" name="OTLSHAPE_TB_00000000000000000000000000000000_ScaleContainer">
            <a:extLst>
              <a:ext uri="{FF2B5EF4-FFF2-40B4-BE49-F238E27FC236}">
                <a16:creationId xmlns:a16="http://schemas.microsoft.com/office/drawing/2014/main" id="{80942E57-E05D-4DC0-A0CB-2EE5B047B86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135691" y="5399241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39" name="OTLSHAPE_TB_00000000000000000000000000000000_ElapsedTime">
            <a:extLst>
              <a:ext uri="{FF2B5EF4-FFF2-40B4-BE49-F238E27FC236}">
                <a16:creationId xmlns:a16="http://schemas.microsoft.com/office/drawing/2014/main" id="{666B5E10-BEF9-4A92-8A7F-C881CD2C6D2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135691" y="5704041"/>
            <a:ext cx="73279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40" name="OTLSHAPE_TB_00000000000000000000000000000000_TodayMarkerShape">
            <a:extLst>
              <a:ext uri="{FF2B5EF4-FFF2-40B4-BE49-F238E27FC236}">
                <a16:creationId xmlns:a16="http://schemas.microsoft.com/office/drawing/2014/main" id="{000E2FA6-FB46-4B64-AA7E-F27C459E231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398426" y="5780241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41" name="OTLSHAPE_TB_00000000000000000000000000000000_TodayMarkerText">
            <a:extLst>
              <a:ext uri="{FF2B5EF4-FFF2-40B4-BE49-F238E27FC236}">
                <a16:creationId xmlns:a16="http://schemas.microsoft.com/office/drawing/2014/main" id="{B851E857-379D-444F-B1BD-FB32A3FD20F2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8090396" y="5907241"/>
            <a:ext cx="736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spc="-6" dirty="0">
                <a:solidFill>
                  <a:schemeClr val="dk1"/>
                </a:solidFill>
                <a:latin typeface="Calibri" panose="020F0502020204030204" pitchFamily="34" charset="0"/>
              </a:rPr>
              <a:t>Aujourd'hui</a:t>
            </a:r>
          </a:p>
        </p:txBody>
      </p:sp>
      <p:sp>
        <p:nvSpPr>
          <p:cNvPr id="542" name="OTLSHAPE_TB_00000000000000000000000000000000_TimescaleInterval1">
            <a:extLst>
              <a:ext uri="{FF2B5EF4-FFF2-40B4-BE49-F238E27FC236}">
                <a16:creationId xmlns:a16="http://schemas.microsoft.com/office/drawing/2014/main" id="{AF8F8290-B2EE-40DE-B159-C6F348B423C1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199191" y="549671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91</a:t>
            </a:r>
          </a:p>
        </p:txBody>
      </p:sp>
      <p:cxnSp>
        <p:nvCxnSpPr>
          <p:cNvPr id="543" name="OTLSHAPE_TB_00000000000000000000000000000000_Separator1">
            <a:extLst>
              <a:ext uri="{FF2B5EF4-FFF2-40B4-BE49-F238E27FC236}">
                <a16:creationId xmlns:a16="http://schemas.microsoft.com/office/drawing/2014/main" id="{F62BF0D9-26F4-4A01-A002-F38FBDA9137F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2611018" y="548814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0" name="OTLSHAPE_TB_00000000000000000000000000000000_TimescaleInterval2">
            <a:extLst>
              <a:ext uri="{FF2B5EF4-FFF2-40B4-BE49-F238E27FC236}">
                <a16:creationId xmlns:a16="http://schemas.microsoft.com/office/drawing/2014/main" id="{F435C389-5473-4F29-B279-7786ADF10BF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2674518" y="549671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97</a:t>
            </a:r>
          </a:p>
        </p:txBody>
      </p:sp>
      <p:cxnSp>
        <p:nvCxnSpPr>
          <p:cNvPr id="981" name="OTLSHAPE_TB_00000000000000000000000000000000_Separator2">
            <a:extLst>
              <a:ext uri="{FF2B5EF4-FFF2-40B4-BE49-F238E27FC236}">
                <a16:creationId xmlns:a16="http://schemas.microsoft.com/office/drawing/2014/main" id="{544C0294-A089-4B1F-8F61-6433786F8B45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4085672" y="548814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2" name="OTLSHAPE_TB_00000000000000000000000000000000_TimescaleInterval3">
            <a:extLst>
              <a:ext uri="{FF2B5EF4-FFF2-40B4-BE49-F238E27FC236}">
                <a16:creationId xmlns:a16="http://schemas.microsoft.com/office/drawing/2014/main" id="{5801A7BC-224B-4BCC-888B-A08CEB98285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4149172" y="549671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</a:p>
        </p:txBody>
      </p:sp>
      <p:cxnSp>
        <p:nvCxnSpPr>
          <p:cNvPr id="983" name="OTLSHAPE_TB_00000000000000000000000000000000_Separator3">
            <a:extLst>
              <a:ext uri="{FF2B5EF4-FFF2-40B4-BE49-F238E27FC236}">
                <a16:creationId xmlns:a16="http://schemas.microsoft.com/office/drawing/2014/main" id="{9A07DD7E-7B43-425A-B7E6-36B4FD3C9CBF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5560999" y="548814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4" name="OTLSHAPE_TB_00000000000000000000000000000000_TimescaleInterval4">
            <a:extLst>
              <a:ext uri="{FF2B5EF4-FFF2-40B4-BE49-F238E27FC236}">
                <a16:creationId xmlns:a16="http://schemas.microsoft.com/office/drawing/2014/main" id="{300097E3-4BF4-4BCC-9AA5-E3EE0FBE7AC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624499" y="549671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</a:p>
        </p:txBody>
      </p:sp>
      <p:cxnSp>
        <p:nvCxnSpPr>
          <p:cNvPr id="985" name="OTLSHAPE_TB_00000000000000000000000000000000_Separator4">
            <a:extLst>
              <a:ext uri="{FF2B5EF4-FFF2-40B4-BE49-F238E27FC236}">
                <a16:creationId xmlns:a16="http://schemas.microsoft.com/office/drawing/2014/main" id="{FA2ABA93-3B5C-433D-B61D-8D2CF8249A86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7035653" y="548814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6" name="OTLSHAPE_TB_00000000000000000000000000000000_TimescaleInterval5">
            <a:extLst>
              <a:ext uri="{FF2B5EF4-FFF2-40B4-BE49-F238E27FC236}">
                <a16:creationId xmlns:a16="http://schemas.microsoft.com/office/drawing/2014/main" id="{B1CF4360-CF74-4ECB-AC63-F32E5BC3D01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7099153" y="549671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987" name="OTLSHAPE_TB_00000000000000000000000000000000_Separator5">
            <a:extLst>
              <a:ext uri="{FF2B5EF4-FFF2-40B4-BE49-F238E27FC236}">
                <a16:creationId xmlns:a16="http://schemas.microsoft.com/office/drawing/2014/main" id="{532F6684-DD53-452D-ABE1-26C6592ED7C8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8510980" y="548814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8" name="OTLSHAPE_TB_00000000000000000000000000000000_TimescaleInterval6">
            <a:extLst>
              <a:ext uri="{FF2B5EF4-FFF2-40B4-BE49-F238E27FC236}">
                <a16:creationId xmlns:a16="http://schemas.microsoft.com/office/drawing/2014/main" id="{12047D1B-715E-41D8-8331-A364784F4F5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8574480" y="549671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989" name="OTLSHAPE_TB_00000000000000000000000000000000_Separator6">
            <a:extLst>
              <a:ext uri="{FF2B5EF4-FFF2-40B4-BE49-F238E27FC236}">
                <a16:creationId xmlns:a16="http://schemas.microsoft.com/office/drawing/2014/main" id="{0491B842-3FC4-4743-818B-544648483792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9985633" y="5488141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0" name="OTLSHAPE_TB_00000000000000000000000000000000_TimescaleInterval7">
            <a:extLst>
              <a:ext uri="{FF2B5EF4-FFF2-40B4-BE49-F238E27FC236}">
                <a16:creationId xmlns:a16="http://schemas.microsoft.com/office/drawing/2014/main" id="{0A2DA8E1-6C85-484B-AAAE-F277D8894717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0049133" y="549671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998" name="OTLSHAPE_T_f4976631e7d042d1ad4ced0c3831faff_Shape">
            <a:extLst>
              <a:ext uri="{FF2B5EF4-FFF2-40B4-BE49-F238E27FC236}">
                <a16:creationId xmlns:a16="http://schemas.microsoft.com/office/drawing/2014/main" id="{AA3F7551-688E-4159-AC17-A7D42FCB03A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268282" y="1133946"/>
            <a:ext cx="2146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999" name="OTLSHAPE_T_f4976631e7d042d1ad4ced0c3831faff_ShapePercentage" hidden="1">
            <a:extLst>
              <a:ext uri="{FF2B5EF4-FFF2-40B4-BE49-F238E27FC236}">
                <a16:creationId xmlns:a16="http://schemas.microsoft.com/office/drawing/2014/main" id="{541E69FD-A7B6-48B1-90AA-2485812A313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65956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000" name="OTLSHAPE_T_f4976631e7d042d1ad4ced0c3831faff_Duration" hidden="1">
            <a:extLst>
              <a:ext uri="{FF2B5EF4-FFF2-40B4-BE49-F238E27FC236}">
                <a16:creationId xmlns:a16="http://schemas.microsoft.com/office/drawing/2014/main" id="{66293F88-F407-449A-BFA7-BEB0893C46D0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0" y="39452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chemeClr val="accent2"/>
                </a:solidFill>
                <a:latin typeface="Calibri" panose="020F0502020204030204" pitchFamily="34" charset="0"/>
              </a:rPr>
              <a:t>3181 jours</a:t>
            </a:r>
          </a:p>
        </p:txBody>
      </p:sp>
      <p:sp>
        <p:nvSpPr>
          <p:cNvPr id="1001" name="OTLSHAPE_T_f4976631e7d042d1ad4ced0c3831faff_TextPercentage" hidden="1">
            <a:extLst>
              <a:ext uri="{FF2B5EF4-FFF2-40B4-BE49-F238E27FC236}">
                <a16:creationId xmlns:a16="http://schemas.microsoft.com/office/drawing/2014/main" id="{30E26780-F068-4854-BE9B-6C2624EC9E5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02" name="OTLSHAPE_T_f4976631e7d042d1ad4ced0c3831faff_StartDate" hidden="1">
            <a:extLst>
              <a:ext uri="{FF2B5EF4-FFF2-40B4-BE49-F238E27FC236}">
                <a16:creationId xmlns:a16="http://schemas.microsoft.com/office/drawing/2014/main" id="{28D31134-DECC-4013-8542-73DAAC2FCA2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3" name="OTLSHAPE_T_f4976631e7d042d1ad4ced0c3831faff_EndDate" hidden="1">
            <a:extLst>
              <a:ext uri="{FF2B5EF4-FFF2-40B4-BE49-F238E27FC236}">
                <a16:creationId xmlns:a16="http://schemas.microsoft.com/office/drawing/2014/main" id="{1439F8BD-F357-4584-AEB5-80622D56A91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4" name="OTLSHAPE_T_f4976631e7d042d1ad4ced0c3831faff_JoinedDate">
            <a:extLst>
              <a:ext uri="{FF2B5EF4-FFF2-40B4-BE49-F238E27FC236}">
                <a16:creationId xmlns:a16="http://schemas.microsoft.com/office/drawing/2014/main" id="{74C2F61F-E4EB-4BF4-B86F-AE811C86AE5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460056" y="115803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7/17/1991 - 3/31/2000</a:t>
            </a:r>
          </a:p>
        </p:txBody>
      </p:sp>
      <p:sp>
        <p:nvSpPr>
          <p:cNvPr id="1005" name="OTLSHAPE_T_f4976631e7d042d1ad4ced0c3831faff_Title">
            <a:extLst>
              <a:ext uri="{FF2B5EF4-FFF2-40B4-BE49-F238E27FC236}">
                <a16:creationId xmlns:a16="http://schemas.microsoft.com/office/drawing/2014/main" id="{C1A6C68A-37BB-49A8-9305-59DC7A8FE56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29326" y="115028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ERS-1 (Esa)</a:t>
            </a:r>
          </a:p>
        </p:txBody>
      </p:sp>
      <p:sp>
        <p:nvSpPr>
          <p:cNvPr id="1006" name="OTLSHAPE_T_005f9b991c2e4c1ba6c37377b6bf3d71_Shape">
            <a:extLst>
              <a:ext uri="{FF2B5EF4-FFF2-40B4-BE49-F238E27FC236}">
                <a16:creationId xmlns:a16="http://schemas.microsoft.com/office/drawing/2014/main" id="{69E90866-0A41-4B7B-AF0B-9B301AC15E8A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530772" y="1400646"/>
            <a:ext cx="33147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007" name="OTLSHAPE_T_005f9b991c2e4c1ba6c37377b6bf3d71_ShapePercentage" hidden="1">
            <a:extLst>
              <a:ext uri="{FF2B5EF4-FFF2-40B4-BE49-F238E27FC236}">
                <a16:creationId xmlns:a16="http://schemas.microsoft.com/office/drawing/2014/main" id="{BA91FAD3-3E5D-4ED6-A195-469B9D678B36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328446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008" name="OTLSHAPE_T_005f9b991c2e4c1ba6c37377b6bf3d71_Duration" hidden="1">
            <a:extLst>
              <a:ext uri="{FF2B5EF4-FFF2-40B4-BE49-F238E27FC236}">
                <a16:creationId xmlns:a16="http://schemas.microsoft.com/office/drawing/2014/main" id="{69CECA7B-015B-42E2-ADEB-22AF4004EFD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0" y="42119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dirty="0">
                <a:solidFill>
                  <a:schemeClr val="accent2"/>
                </a:solidFill>
                <a:latin typeface="Calibri" panose="020F0502020204030204" pitchFamily="34" charset="0"/>
              </a:rPr>
              <a:t>4910 jours</a:t>
            </a:r>
          </a:p>
        </p:txBody>
      </p:sp>
      <p:sp>
        <p:nvSpPr>
          <p:cNvPr id="1009" name="OTLSHAPE_T_005f9b991c2e4c1ba6c37377b6bf3d71_TextPercentage" hidden="1">
            <a:extLst>
              <a:ext uri="{FF2B5EF4-FFF2-40B4-BE49-F238E27FC236}">
                <a16:creationId xmlns:a16="http://schemas.microsoft.com/office/drawing/2014/main" id="{9B890349-7F07-4062-9DA2-071A083FF118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0" name="OTLSHAPE_T_005f9b991c2e4c1ba6c37377b6bf3d71_StartDate" hidden="1">
            <a:extLst>
              <a:ext uri="{FF2B5EF4-FFF2-40B4-BE49-F238E27FC236}">
                <a16:creationId xmlns:a16="http://schemas.microsoft.com/office/drawing/2014/main" id="{6B57F20A-4CC1-49B0-98A1-888FEEAAF7F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1" name="OTLSHAPE_T_005f9b991c2e4c1ba6c37377b6bf3d71_EndDate" hidden="1">
            <a:extLst>
              <a:ext uri="{FF2B5EF4-FFF2-40B4-BE49-F238E27FC236}">
                <a16:creationId xmlns:a16="http://schemas.microsoft.com/office/drawing/2014/main" id="{92222448-A3BD-4EA1-A0B8-5C871FF025F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2" name="OTLSHAPE_T_005f9b991c2e4c1ba6c37377b6bf3d71_JoinedDate">
            <a:extLst>
              <a:ext uri="{FF2B5EF4-FFF2-40B4-BE49-F238E27FC236}">
                <a16:creationId xmlns:a16="http://schemas.microsoft.com/office/drawing/2014/main" id="{C2551089-6A67-4F47-8848-1D443D75720D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886250" y="142473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8/10/1992 - 1/18/2006</a:t>
            </a:r>
          </a:p>
        </p:txBody>
      </p:sp>
      <p:sp>
        <p:nvSpPr>
          <p:cNvPr id="1013" name="OTLSHAPE_T_005f9b991c2e4c1ba6c37377b6bf3d71_Title">
            <a:extLst>
              <a:ext uri="{FF2B5EF4-FFF2-40B4-BE49-F238E27FC236}">
                <a16:creationId xmlns:a16="http://schemas.microsoft.com/office/drawing/2014/main" id="{8E28C1B7-2DBE-4255-8765-A63863E656F4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29326" y="1416987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Topex</a:t>
            </a:r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/Poseidon (Nasa/Cnes)</a:t>
            </a:r>
          </a:p>
        </p:txBody>
      </p:sp>
      <p:sp>
        <p:nvSpPr>
          <p:cNvPr id="1014" name="OTLSHAPE_T_14ef0de6d864441289e3487f10390f29_Shape">
            <a:extLst>
              <a:ext uri="{FF2B5EF4-FFF2-40B4-BE49-F238E27FC236}">
                <a16:creationId xmlns:a16="http://schemas.microsoft.com/office/drawing/2014/main" id="{55B83EB2-E7BA-49B6-89F8-C5A2F368DB95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193054" y="1667346"/>
            <a:ext cx="3987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5" name="OTLSHAPE_T_14ef0de6d864441289e3487f10390f29_ShapePercentage" hidden="1">
            <a:extLst>
              <a:ext uri="{FF2B5EF4-FFF2-40B4-BE49-F238E27FC236}">
                <a16:creationId xmlns:a16="http://schemas.microsoft.com/office/drawing/2014/main" id="{0041F12E-FE79-485B-AB7D-451B16E3B006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990728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16" name="OTLSHAPE_T_14ef0de6d864441289e3487f10390f29_Duration" hidden="1">
            <a:extLst>
              <a:ext uri="{FF2B5EF4-FFF2-40B4-BE49-F238E27FC236}">
                <a16:creationId xmlns:a16="http://schemas.microsoft.com/office/drawing/2014/main" id="{8FD33FE5-8F0A-46FE-8761-2570DCBE512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0" y="44786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5921 jours</a:t>
            </a:r>
          </a:p>
        </p:txBody>
      </p:sp>
      <p:sp>
        <p:nvSpPr>
          <p:cNvPr id="1017" name="OTLSHAPE_T_14ef0de6d864441289e3487f10390f29_TextPercentage" hidden="1">
            <a:extLst>
              <a:ext uri="{FF2B5EF4-FFF2-40B4-BE49-F238E27FC236}">
                <a16:creationId xmlns:a16="http://schemas.microsoft.com/office/drawing/2014/main" id="{89FFE619-EDA6-4149-9281-E353B1ED77A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8" name="OTLSHAPE_T_14ef0de6d864441289e3487f10390f29_StartDate" hidden="1">
            <a:extLst>
              <a:ext uri="{FF2B5EF4-FFF2-40B4-BE49-F238E27FC236}">
                <a16:creationId xmlns:a16="http://schemas.microsoft.com/office/drawing/2014/main" id="{548F38E1-573C-4467-83CF-3758CB24E774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19" name="OTLSHAPE_T_14ef0de6d864441289e3487f10390f29_EndDate" hidden="1">
            <a:extLst>
              <a:ext uri="{FF2B5EF4-FFF2-40B4-BE49-F238E27FC236}">
                <a16:creationId xmlns:a16="http://schemas.microsoft.com/office/drawing/2014/main" id="{7698DF49-BF00-4088-862C-127C6CFAE77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0" name="OTLSHAPE_T_14ef0de6d864441289e3487f10390f29_JoinedDate">
            <a:extLst>
              <a:ext uri="{FF2B5EF4-FFF2-40B4-BE49-F238E27FC236}">
                <a16:creationId xmlns:a16="http://schemas.microsoft.com/office/drawing/2014/main" id="{EBF1DC92-4EF3-4EF3-9850-C9A55E0798C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228986" y="169143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4/21/1995 - 7/6/2011</a:t>
            </a:r>
          </a:p>
        </p:txBody>
      </p:sp>
      <p:sp>
        <p:nvSpPr>
          <p:cNvPr id="1021" name="OTLSHAPE_T_14ef0de6d864441289e3487f10390f29_Title">
            <a:extLst>
              <a:ext uri="{FF2B5EF4-FFF2-40B4-BE49-F238E27FC236}">
                <a16:creationId xmlns:a16="http://schemas.microsoft.com/office/drawing/2014/main" id="{E24A0CD3-99C1-4561-BEA5-ED480AA4100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29326" y="1683687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RS-2 (Esa)</a:t>
            </a:r>
          </a:p>
        </p:txBody>
      </p:sp>
      <p:sp>
        <p:nvSpPr>
          <p:cNvPr id="1022" name="OTLSHAPE_T_4dde1da766e044ba9bc550285da95137_Shape">
            <a:extLst>
              <a:ext uri="{FF2B5EF4-FFF2-40B4-BE49-F238E27FC236}">
                <a16:creationId xmlns:a16="http://schemas.microsoft.com/office/drawing/2014/main" id="{EAEC662F-8EDA-4A46-9884-DAEC9CBAF278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3879719" y="1934046"/>
            <a:ext cx="2489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3" name="OTLSHAPE_T_4dde1da766e044ba9bc550285da95137_ShapePercentage" hidden="1">
            <a:extLst>
              <a:ext uri="{FF2B5EF4-FFF2-40B4-BE49-F238E27FC236}">
                <a16:creationId xmlns:a16="http://schemas.microsoft.com/office/drawing/2014/main" id="{B3311619-3843-41F1-A479-1E56EAF53974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677393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24" name="OTLSHAPE_T_4dde1da766e044ba9bc550285da95137_Duration" hidden="1">
            <a:extLst>
              <a:ext uri="{FF2B5EF4-FFF2-40B4-BE49-F238E27FC236}">
                <a16:creationId xmlns:a16="http://schemas.microsoft.com/office/drawing/2014/main" id="{35592CAB-F74D-48D4-8D60-503B4BB181D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0" y="47453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3692 jours</a:t>
            </a:r>
          </a:p>
        </p:txBody>
      </p:sp>
      <p:sp>
        <p:nvSpPr>
          <p:cNvPr id="1025" name="OTLSHAPE_T_4dde1da766e044ba9bc550285da95137_TextPercentage" hidden="1">
            <a:extLst>
              <a:ext uri="{FF2B5EF4-FFF2-40B4-BE49-F238E27FC236}">
                <a16:creationId xmlns:a16="http://schemas.microsoft.com/office/drawing/2014/main" id="{F81E4A72-4863-458B-928F-16F0719F2C1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26" name="OTLSHAPE_T_4dde1da766e044ba9bc550285da95137_StartDate" hidden="1">
            <a:extLst>
              <a:ext uri="{FF2B5EF4-FFF2-40B4-BE49-F238E27FC236}">
                <a16:creationId xmlns:a16="http://schemas.microsoft.com/office/drawing/2014/main" id="{4AB2C787-9BEC-4429-ADD3-AC231B8D842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7" name="OTLSHAPE_T_4dde1da766e044ba9bc550285da95137_EndDate" hidden="1">
            <a:extLst>
              <a:ext uri="{FF2B5EF4-FFF2-40B4-BE49-F238E27FC236}">
                <a16:creationId xmlns:a16="http://schemas.microsoft.com/office/drawing/2014/main" id="{98CF67AF-7D2B-440D-AABB-7CC05CCEFF73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28" name="OTLSHAPE_T_4dde1da766e044ba9bc550285da95137_JoinedDate">
            <a:extLst>
              <a:ext uri="{FF2B5EF4-FFF2-40B4-BE49-F238E27FC236}">
                <a16:creationId xmlns:a16="http://schemas.microsoft.com/office/drawing/2014/main" id="{763B8A50-5781-46C5-8A7E-082499819C0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415421" y="195813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3/1/2002 - 4/8/2012</a:t>
            </a:r>
          </a:p>
        </p:txBody>
      </p:sp>
      <p:sp>
        <p:nvSpPr>
          <p:cNvPr id="1029" name="OTLSHAPE_T_4dde1da766e044ba9bc550285da95137_Title">
            <a:extLst>
              <a:ext uri="{FF2B5EF4-FFF2-40B4-BE49-F238E27FC236}">
                <a16:creationId xmlns:a16="http://schemas.microsoft.com/office/drawing/2014/main" id="{BFE657A1-89FE-4BCD-B35C-81F4862B8C7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29326" y="1950387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visat (Esa)</a:t>
            </a:r>
          </a:p>
        </p:txBody>
      </p:sp>
      <p:sp>
        <p:nvSpPr>
          <p:cNvPr id="1030" name="OTLSHAPE_T_f561d70e8dae4d07bca80f6f9ed5287c_Shape">
            <a:extLst>
              <a:ext uri="{FF2B5EF4-FFF2-40B4-BE49-F238E27FC236}">
                <a16:creationId xmlns:a16="http://schemas.microsoft.com/office/drawing/2014/main" id="{9A69854A-3E53-431C-9F57-1E1A66E46D66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5429754" y="2200746"/>
            <a:ext cx="2781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1" name="OTLSHAPE_T_f561d70e8dae4d07bca80f6f9ed5287c_ShapePercentage" hidden="1">
            <a:extLst>
              <a:ext uri="{FF2B5EF4-FFF2-40B4-BE49-F238E27FC236}">
                <a16:creationId xmlns:a16="http://schemas.microsoft.com/office/drawing/2014/main" id="{0CBF7E7B-866F-4DF3-891C-BAD6E4FACA69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227428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2" name="OTLSHAPE_T_f561d70e8dae4d07bca80f6f9ed5287c_Duration" hidden="1">
            <a:extLst>
              <a:ext uri="{FF2B5EF4-FFF2-40B4-BE49-F238E27FC236}">
                <a16:creationId xmlns:a16="http://schemas.microsoft.com/office/drawing/2014/main" id="{AD67600F-9F57-4575-A3F4-7721A24A57D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0" y="50120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4130 jours</a:t>
            </a:r>
          </a:p>
        </p:txBody>
      </p:sp>
      <p:sp>
        <p:nvSpPr>
          <p:cNvPr id="1033" name="OTLSHAPE_T_f561d70e8dae4d07bca80f6f9ed5287c_TextPercentage" hidden="1">
            <a:extLst>
              <a:ext uri="{FF2B5EF4-FFF2-40B4-BE49-F238E27FC236}">
                <a16:creationId xmlns:a16="http://schemas.microsoft.com/office/drawing/2014/main" id="{E1FA897B-B94F-46FE-A26B-44F6AFB14B8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34" name="OTLSHAPE_T_f561d70e8dae4d07bca80f6f9ed5287c_StartDate" hidden="1">
            <a:extLst>
              <a:ext uri="{FF2B5EF4-FFF2-40B4-BE49-F238E27FC236}">
                <a16:creationId xmlns:a16="http://schemas.microsoft.com/office/drawing/2014/main" id="{222D358C-51CA-4FED-825D-1DD6F156C1D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5" name="OTLSHAPE_T_f561d70e8dae4d07bca80f6f9ed5287c_EndDate" hidden="1">
            <a:extLst>
              <a:ext uri="{FF2B5EF4-FFF2-40B4-BE49-F238E27FC236}">
                <a16:creationId xmlns:a16="http://schemas.microsoft.com/office/drawing/2014/main" id="{25120008-8B91-4366-BEDB-2AD065E611A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6" name="OTLSHAPE_T_f561d70e8dae4d07bca80f6f9ed5287c_JoinedDate">
            <a:extLst>
              <a:ext uri="{FF2B5EF4-FFF2-40B4-BE49-F238E27FC236}">
                <a16:creationId xmlns:a16="http://schemas.microsoft.com/office/drawing/2014/main" id="{0B4FC796-F777-48C5-8A1F-557CFC54F800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260253" y="2224834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6/20/2008 - 10/10/2019</a:t>
            </a:r>
          </a:p>
        </p:txBody>
      </p:sp>
      <p:sp>
        <p:nvSpPr>
          <p:cNvPr id="1037" name="OTLSHAPE_T_f561d70e8dae4d07bca80f6f9ed5287c_Title">
            <a:extLst>
              <a:ext uri="{FF2B5EF4-FFF2-40B4-BE49-F238E27FC236}">
                <a16:creationId xmlns:a16="http://schemas.microsoft.com/office/drawing/2014/main" id="{ABCB516A-B300-4A0D-9D23-88ABE76579D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29326" y="2217087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Jason-2 (Cnes/Eumetsat/Nasa/Noaa)</a:t>
            </a:r>
          </a:p>
        </p:txBody>
      </p:sp>
      <p:sp>
        <p:nvSpPr>
          <p:cNvPr id="1038" name="OTLSHAPE_T_511b94c7edbb40bcba0f41892e43da4a_Shape">
            <a:extLst>
              <a:ext uri="{FF2B5EF4-FFF2-40B4-BE49-F238E27FC236}">
                <a16:creationId xmlns:a16="http://schemas.microsoft.com/office/drawing/2014/main" id="{9D7830FA-3C4A-47B2-8663-83C873465E56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5871949" y="2467446"/>
            <a:ext cx="28956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39" name="OTLSHAPE_T_511b94c7edbb40bcba0f41892e43da4a_ShapePercentage" hidden="1">
            <a:extLst>
              <a:ext uri="{FF2B5EF4-FFF2-40B4-BE49-F238E27FC236}">
                <a16:creationId xmlns:a16="http://schemas.microsoft.com/office/drawing/2014/main" id="{46708130-8BFA-49ED-9799-FFB7021798CB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5669623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40" name="OTLSHAPE_T_511b94c7edbb40bcba0f41892e43da4a_Duration" hidden="1">
            <a:extLst>
              <a:ext uri="{FF2B5EF4-FFF2-40B4-BE49-F238E27FC236}">
                <a16:creationId xmlns:a16="http://schemas.microsoft.com/office/drawing/2014/main" id="{033426F6-8CE7-4DBA-9FB8-1507E4E5779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0" y="52787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4286 jours</a:t>
            </a:r>
          </a:p>
        </p:txBody>
      </p:sp>
      <p:sp>
        <p:nvSpPr>
          <p:cNvPr id="1041" name="OTLSHAPE_T_511b94c7edbb40bcba0f41892e43da4a_TextPercentage" hidden="1">
            <a:extLst>
              <a:ext uri="{FF2B5EF4-FFF2-40B4-BE49-F238E27FC236}">
                <a16:creationId xmlns:a16="http://schemas.microsoft.com/office/drawing/2014/main" id="{13269BB7-56EB-4DAB-94D1-0EA891EDA971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42" name="OTLSHAPE_T_511b94c7edbb40bcba0f41892e43da4a_StartDate" hidden="1">
            <a:extLst>
              <a:ext uri="{FF2B5EF4-FFF2-40B4-BE49-F238E27FC236}">
                <a16:creationId xmlns:a16="http://schemas.microsoft.com/office/drawing/2014/main" id="{06E05919-ED98-4C90-90B4-BDBB7D4E2B0F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3" name="OTLSHAPE_T_511b94c7edbb40bcba0f41892e43da4a_EndDate" hidden="1">
            <a:extLst>
              <a:ext uri="{FF2B5EF4-FFF2-40B4-BE49-F238E27FC236}">
                <a16:creationId xmlns:a16="http://schemas.microsoft.com/office/drawing/2014/main" id="{1664D686-82EB-40E9-BC8C-E3406D06E8F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4" name="OTLSHAPE_T_511b94c7edbb40bcba0f41892e43da4a_JoinedDate">
            <a:extLst>
              <a:ext uri="{FF2B5EF4-FFF2-40B4-BE49-F238E27FC236}">
                <a16:creationId xmlns:a16="http://schemas.microsoft.com/office/drawing/2014/main" id="{B6AA2A50-D8E1-4142-A985-A42FB4CC892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807443" y="249153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4/8/2010 - 12/31/2021</a:t>
            </a:r>
          </a:p>
        </p:txBody>
      </p:sp>
      <p:sp>
        <p:nvSpPr>
          <p:cNvPr id="1045" name="OTLSHAPE_T_511b94c7edbb40bcba0f41892e43da4a_Title">
            <a:extLst>
              <a:ext uri="{FF2B5EF4-FFF2-40B4-BE49-F238E27FC236}">
                <a16:creationId xmlns:a16="http://schemas.microsoft.com/office/drawing/2014/main" id="{6021DB01-139C-4112-B922-99EEE6B7D7D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29326" y="2483787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ryosat-2 (Esa)</a:t>
            </a:r>
          </a:p>
        </p:txBody>
      </p:sp>
      <p:sp>
        <p:nvSpPr>
          <p:cNvPr id="1046" name="OTLSHAPE_T_39ae9590f5e5429f8807946e7956ac0d_Shape">
            <a:extLst>
              <a:ext uri="{FF2B5EF4-FFF2-40B4-BE49-F238E27FC236}">
                <a16:creationId xmlns:a16="http://schemas.microsoft.com/office/drawing/2014/main" id="{31DF4637-D048-437E-8873-60CC8C0B45D5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6581344" y="2734146"/>
            <a:ext cx="21844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47" name="OTLSHAPE_T_39ae9590f5e5429f8807946e7956ac0d_ShapePercentage" hidden="1">
            <a:extLst>
              <a:ext uri="{FF2B5EF4-FFF2-40B4-BE49-F238E27FC236}">
                <a16:creationId xmlns:a16="http://schemas.microsoft.com/office/drawing/2014/main" id="{410B8083-ABDB-4602-A92A-6AEA24242303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6379018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48" name="OTLSHAPE_T_39ae9590f5e5429f8807946e7956ac0d_Duration" hidden="1">
            <a:extLst>
              <a:ext uri="{FF2B5EF4-FFF2-40B4-BE49-F238E27FC236}">
                <a16:creationId xmlns:a16="http://schemas.microsoft.com/office/drawing/2014/main" id="{64D2FD96-B31B-4B30-98DA-BED57ED0056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0" y="55454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3232 jours</a:t>
            </a:r>
          </a:p>
        </p:txBody>
      </p:sp>
      <p:sp>
        <p:nvSpPr>
          <p:cNvPr id="1049" name="OTLSHAPE_T_39ae9590f5e5429f8807946e7956ac0d_TextPercentage" hidden="1">
            <a:extLst>
              <a:ext uri="{FF2B5EF4-FFF2-40B4-BE49-F238E27FC236}">
                <a16:creationId xmlns:a16="http://schemas.microsoft.com/office/drawing/2014/main" id="{43780DF0-F8EB-407B-996C-B79F866BB86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0" name="OTLSHAPE_T_39ae9590f5e5429f8807946e7956ac0d_StartDate" hidden="1">
            <a:extLst>
              <a:ext uri="{FF2B5EF4-FFF2-40B4-BE49-F238E27FC236}">
                <a16:creationId xmlns:a16="http://schemas.microsoft.com/office/drawing/2014/main" id="{2991053D-0DB7-4DFD-BA46-2E0B8AC2E3B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1" name="OTLSHAPE_T_39ae9590f5e5429f8807946e7956ac0d_EndDate" hidden="1">
            <a:extLst>
              <a:ext uri="{FF2B5EF4-FFF2-40B4-BE49-F238E27FC236}">
                <a16:creationId xmlns:a16="http://schemas.microsoft.com/office/drawing/2014/main" id="{06C676F9-E976-4EBB-A526-F63C4DAC6B7E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2" name="OTLSHAPE_T_39ae9590f5e5429f8807946e7956ac0d_JoinedDate">
            <a:extLst>
              <a:ext uri="{FF2B5EF4-FFF2-40B4-BE49-F238E27FC236}">
                <a16:creationId xmlns:a16="http://schemas.microsoft.com/office/drawing/2014/main" id="{5A49F869-F4BA-4AEA-A63C-4327BAAEA17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807443" y="2758234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2/25/2013 - 12/31/2021</a:t>
            </a:r>
          </a:p>
        </p:txBody>
      </p:sp>
      <p:sp>
        <p:nvSpPr>
          <p:cNvPr id="1053" name="OTLSHAPE_T_39ae9590f5e5429f8807946e7956ac0d_Title">
            <a:extLst>
              <a:ext uri="{FF2B5EF4-FFF2-40B4-BE49-F238E27FC236}">
                <a16:creationId xmlns:a16="http://schemas.microsoft.com/office/drawing/2014/main" id="{5148DABC-D81A-4CB9-837A-2C2334598DD6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29326" y="2750487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aral (Cnes/Isro)</a:t>
            </a:r>
          </a:p>
        </p:txBody>
      </p:sp>
      <p:sp>
        <p:nvSpPr>
          <p:cNvPr id="1054" name="OTLSHAPE_T_8b618e137a904b3d8bf3975d7ed9ac32_Shape">
            <a:extLst>
              <a:ext uri="{FF2B5EF4-FFF2-40B4-BE49-F238E27FC236}">
                <a16:creationId xmlns:a16="http://schemas.microsoft.com/office/drawing/2014/main" id="{FFB21605-69F5-4B25-8856-A8586C65122E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7292085" y="3000846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55" name="OTLSHAPE_T_8b618e137a904b3d8bf3975d7ed9ac32_ShapePercentage" hidden="1">
            <a:extLst>
              <a:ext uri="{FF2B5EF4-FFF2-40B4-BE49-F238E27FC236}">
                <a16:creationId xmlns:a16="http://schemas.microsoft.com/office/drawing/2014/main" id="{20EEC048-FCF3-4D4F-B0B5-3E4D0F910FF9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7089759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56" name="OTLSHAPE_T_8b618e137a904b3d8bf3975d7ed9ac32_Duration" hidden="1">
            <a:extLst>
              <a:ext uri="{FF2B5EF4-FFF2-40B4-BE49-F238E27FC236}">
                <a16:creationId xmlns:a16="http://schemas.microsoft.com/office/drawing/2014/main" id="{BA99E096-20D4-496B-85DF-374BF45A1E4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0" y="58121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9 jours</a:t>
            </a:r>
          </a:p>
        </p:txBody>
      </p:sp>
      <p:sp>
        <p:nvSpPr>
          <p:cNvPr id="1057" name="OTLSHAPE_T_8b618e137a904b3d8bf3975d7ed9ac32_TextPercentage" hidden="1">
            <a:extLst>
              <a:ext uri="{FF2B5EF4-FFF2-40B4-BE49-F238E27FC236}">
                <a16:creationId xmlns:a16="http://schemas.microsoft.com/office/drawing/2014/main" id="{76CC26B8-EF6A-4AD8-9405-27E82246E6D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58" name="OTLSHAPE_T_8b618e137a904b3d8bf3975d7ed9ac32_StartDate" hidden="1">
            <a:extLst>
              <a:ext uri="{FF2B5EF4-FFF2-40B4-BE49-F238E27FC236}">
                <a16:creationId xmlns:a16="http://schemas.microsoft.com/office/drawing/2014/main" id="{0675558F-74F0-4044-8E47-7C4689280B70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9" name="OTLSHAPE_T_8b618e137a904b3d8bf3975d7ed9ac32_EndDate" hidden="1">
            <a:extLst>
              <a:ext uri="{FF2B5EF4-FFF2-40B4-BE49-F238E27FC236}">
                <a16:creationId xmlns:a16="http://schemas.microsoft.com/office/drawing/2014/main" id="{45489D50-4E14-48C2-92E8-9625218C31E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0" name="OTLSHAPE_T_8b618e137a904b3d8bf3975d7ed9ac32_JoinedDate">
            <a:extLst>
              <a:ext uri="{FF2B5EF4-FFF2-40B4-BE49-F238E27FC236}">
                <a16:creationId xmlns:a16="http://schemas.microsoft.com/office/drawing/2014/main" id="{CFDCC3EF-B2D9-4BEF-B4AE-EF391EA6E9A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065221" y="302493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1/17/2016 - 1/18/2023</a:t>
            </a:r>
          </a:p>
        </p:txBody>
      </p:sp>
      <p:sp>
        <p:nvSpPr>
          <p:cNvPr id="1061" name="OTLSHAPE_T_8b618e137a904b3d8bf3975d7ed9ac32_Title">
            <a:extLst>
              <a:ext uri="{FF2B5EF4-FFF2-40B4-BE49-F238E27FC236}">
                <a16:creationId xmlns:a16="http://schemas.microsoft.com/office/drawing/2014/main" id="{C7653FBC-8366-461D-9102-2572D033834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29326" y="3017187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Jason-3 (Eumetsat/Noaa/Cnes/Nasa)</a:t>
            </a:r>
          </a:p>
        </p:txBody>
      </p:sp>
      <p:sp>
        <p:nvSpPr>
          <p:cNvPr id="1062" name="OTLSHAPE_T_0ee05b6b36ba410e91cdd92644ad1d32_Shape">
            <a:extLst>
              <a:ext uri="{FF2B5EF4-FFF2-40B4-BE49-F238E27FC236}">
                <a16:creationId xmlns:a16="http://schemas.microsoft.com/office/drawing/2014/main" id="{E48F631C-7E02-4CBD-9640-0384C17669C4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7312277" y="3267546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63" name="OTLSHAPE_T_0ee05b6b36ba410e91cdd92644ad1d32_ShapePercentage" hidden="1">
            <a:extLst>
              <a:ext uri="{FF2B5EF4-FFF2-40B4-BE49-F238E27FC236}">
                <a16:creationId xmlns:a16="http://schemas.microsoft.com/office/drawing/2014/main" id="{C4A33E45-46EC-4621-9468-A4BC644FEAF8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7109951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64" name="OTLSHAPE_T_0ee05b6b36ba410e91cdd92644ad1d32_Duration" hidden="1">
            <a:extLst>
              <a:ext uri="{FF2B5EF4-FFF2-40B4-BE49-F238E27FC236}">
                <a16:creationId xmlns:a16="http://schemas.microsoft.com/office/drawing/2014/main" id="{0EB63842-3521-44BE-9FF1-91454C9CF45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0" y="60788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065" name="OTLSHAPE_T_0ee05b6b36ba410e91cdd92644ad1d32_TextPercentage" hidden="1">
            <a:extLst>
              <a:ext uri="{FF2B5EF4-FFF2-40B4-BE49-F238E27FC236}">
                <a16:creationId xmlns:a16="http://schemas.microsoft.com/office/drawing/2014/main" id="{F0B98449-BCFE-46EE-A4C7-781FC8598FC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66" name="OTLSHAPE_T_0ee05b6b36ba410e91cdd92644ad1d32_StartDate" hidden="1">
            <a:extLst>
              <a:ext uri="{FF2B5EF4-FFF2-40B4-BE49-F238E27FC236}">
                <a16:creationId xmlns:a16="http://schemas.microsoft.com/office/drawing/2014/main" id="{47C84A70-55C9-41C1-A673-E517EA740B05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7" name="OTLSHAPE_T_0ee05b6b36ba410e91cdd92644ad1d32_EndDate" hidden="1">
            <a:extLst>
              <a:ext uri="{FF2B5EF4-FFF2-40B4-BE49-F238E27FC236}">
                <a16:creationId xmlns:a16="http://schemas.microsoft.com/office/drawing/2014/main" id="{5F6E4E0F-A479-4876-8F7B-173E51DE617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8" name="OTLSHAPE_T_0ee05b6b36ba410e91cdd92644ad1d32_JoinedDate">
            <a:extLst>
              <a:ext uri="{FF2B5EF4-FFF2-40B4-BE49-F238E27FC236}">
                <a16:creationId xmlns:a16="http://schemas.microsoft.com/office/drawing/2014/main" id="{98DA79E5-FECF-4930-B921-AE9D4BADF07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9084740" y="329163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2/16/2016 - 2/16/2023</a:t>
            </a:r>
          </a:p>
        </p:txBody>
      </p:sp>
      <p:sp>
        <p:nvSpPr>
          <p:cNvPr id="1069" name="OTLSHAPE_T_0ee05b6b36ba410e91cdd92644ad1d32_Title">
            <a:extLst>
              <a:ext uri="{FF2B5EF4-FFF2-40B4-BE49-F238E27FC236}">
                <a16:creationId xmlns:a16="http://schemas.microsoft.com/office/drawing/2014/main" id="{BE68BDE4-424D-4005-B03E-F74675838B63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329326" y="328388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ntinel-3A (EU)</a:t>
            </a:r>
          </a:p>
        </p:txBody>
      </p:sp>
      <p:sp>
        <p:nvSpPr>
          <p:cNvPr id="1070" name="OTLSHAPE_T_60581b38ba664cbaaa7fe80c6d17e898_Shape">
            <a:extLst>
              <a:ext uri="{FF2B5EF4-FFF2-40B4-BE49-F238E27FC236}">
                <a16:creationId xmlns:a16="http://schemas.microsoft.com/office/drawing/2014/main" id="{D6A6F727-6F54-4603-AF7E-B18BA354BDCC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7833218" y="3534246"/>
            <a:ext cx="16891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71" name="OTLSHAPE_T_60581b38ba664cbaaa7fe80c6d17e898_ShapePercentage" hidden="1">
            <a:extLst>
              <a:ext uri="{FF2B5EF4-FFF2-40B4-BE49-F238E27FC236}">
                <a16:creationId xmlns:a16="http://schemas.microsoft.com/office/drawing/2014/main" id="{9912E9BE-A829-4828-959D-288FFDE02CB7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7630892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72" name="OTLSHAPE_T_60581b38ba664cbaaa7fe80c6d17e898_Duration" hidden="1">
            <a:extLst>
              <a:ext uri="{FF2B5EF4-FFF2-40B4-BE49-F238E27FC236}">
                <a16:creationId xmlns:a16="http://schemas.microsoft.com/office/drawing/2014/main" id="{EABFB4A6-5105-4CB6-9D33-0F74F76470A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0" y="63455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499 jours</a:t>
            </a:r>
          </a:p>
        </p:txBody>
      </p:sp>
      <p:sp>
        <p:nvSpPr>
          <p:cNvPr id="1073" name="OTLSHAPE_T_60581b38ba664cbaaa7fe80c6d17e898_TextPercentage" hidden="1">
            <a:extLst>
              <a:ext uri="{FF2B5EF4-FFF2-40B4-BE49-F238E27FC236}">
                <a16:creationId xmlns:a16="http://schemas.microsoft.com/office/drawing/2014/main" id="{7A6FF864-34E6-424B-B3CC-CA27F020949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74" name="OTLSHAPE_T_60581b38ba664cbaaa7fe80c6d17e898_StartDate" hidden="1">
            <a:extLst>
              <a:ext uri="{FF2B5EF4-FFF2-40B4-BE49-F238E27FC236}">
                <a16:creationId xmlns:a16="http://schemas.microsoft.com/office/drawing/2014/main" id="{E785F348-B73A-460C-920E-0DAB774ACAE5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5" name="OTLSHAPE_T_60581b38ba664cbaaa7fe80c6d17e898_EndDate" hidden="1">
            <a:extLst>
              <a:ext uri="{FF2B5EF4-FFF2-40B4-BE49-F238E27FC236}">
                <a16:creationId xmlns:a16="http://schemas.microsoft.com/office/drawing/2014/main" id="{169A8D2B-D157-426B-B43B-E2877825803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6" name="OTLSHAPE_T_60581b38ba664cbaaa7fe80c6d17e898_JoinedDate">
            <a:extLst>
              <a:ext uri="{FF2B5EF4-FFF2-40B4-BE49-F238E27FC236}">
                <a16:creationId xmlns:a16="http://schemas.microsoft.com/office/drawing/2014/main" id="{A265561D-8672-4B25-9009-BD2D6A6D1CD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565971" y="355833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3/31/2018 - 1/31/2025</a:t>
            </a:r>
          </a:p>
        </p:txBody>
      </p:sp>
      <p:sp>
        <p:nvSpPr>
          <p:cNvPr id="1077" name="OTLSHAPE_T_60581b38ba664cbaaa7fe80c6d17e898_Title">
            <a:extLst>
              <a:ext uri="{FF2B5EF4-FFF2-40B4-BE49-F238E27FC236}">
                <a16:creationId xmlns:a16="http://schemas.microsoft.com/office/drawing/2014/main" id="{3CB85637-6A38-4836-886B-3847F0382BA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29326" y="355058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ntinel-3B (EU)</a:t>
            </a:r>
          </a:p>
        </p:txBody>
      </p:sp>
      <p:sp>
        <p:nvSpPr>
          <p:cNvPr id="1078" name="OTLSHAPE_T_5ef29ca6f6f046d494d22ad4a7c150ed_Shape">
            <a:extLst>
              <a:ext uri="{FF2B5EF4-FFF2-40B4-BE49-F238E27FC236}">
                <a16:creationId xmlns:a16="http://schemas.microsoft.com/office/drawing/2014/main" id="{EECA2EF8-A4E5-4FCB-A0AF-98DF50945C2C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8479346" y="3800946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79" name="OTLSHAPE_T_5ef29ca6f6f046d494d22ad4a7c150ed_ShapePercentage" hidden="1">
            <a:extLst>
              <a:ext uri="{FF2B5EF4-FFF2-40B4-BE49-F238E27FC236}">
                <a16:creationId xmlns:a16="http://schemas.microsoft.com/office/drawing/2014/main" id="{49904100-EE29-4E2F-8AAD-3CE61BF7F727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8277020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80" name="OTLSHAPE_T_5ef29ca6f6f046d494d22ad4a7c150ed_Duration" hidden="1">
            <a:extLst>
              <a:ext uri="{FF2B5EF4-FFF2-40B4-BE49-F238E27FC236}">
                <a16:creationId xmlns:a16="http://schemas.microsoft.com/office/drawing/2014/main" id="{2694DB46-F9C0-4725-9B7F-4BFAD7748766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0" y="66122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7 jours</a:t>
            </a:r>
          </a:p>
        </p:txBody>
      </p:sp>
      <p:sp>
        <p:nvSpPr>
          <p:cNvPr id="1081" name="OTLSHAPE_T_5ef29ca6f6f046d494d22ad4a7c150ed_TextPercentage" hidden="1">
            <a:extLst>
              <a:ext uri="{FF2B5EF4-FFF2-40B4-BE49-F238E27FC236}">
                <a16:creationId xmlns:a16="http://schemas.microsoft.com/office/drawing/2014/main" id="{5AD46A3A-411A-4D33-9E26-2D59C2A4CCB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82" name="OTLSHAPE_T_5ef29ca6f6f046d494d22ad4a7c150ed_StartDate" hidden="1">
            <a:extLst>
              <a:ext uri="{FF2B5EF4-FFF2-40B4-BE49-F238E27FC236}">
                <a16:creationId xmlns:a16="http://schemas.microsoft.com/office/drawing/2014/main" id="{5EB38424-D358-487D-9D5F-561E9BF1959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3" name="OTLSHAPE_T_5ef29ca6f6f046d494d22ad4a7c150ed_EndDate" hidden="1">
            <a:extLst>
              <a:ext uri="{FF2B5EF4-FFF2-40B4-BE49-F238E27FC236}">
                <a16:creationId xmlns:a16="http://schemas.microsoft.com/office/drawing/2014/main" id="{B5A33C35-C777-4CC0-9D41-1BB7B9AD00F3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4" name="OTLSHAPE_T_5ef29ca6f6f046d494d22ad4a7c150ed_JoinedDate">
            <a:extLst>
              <a:ext uri="{FF2B5EF4-FFF2-40B4-BE49-F238E27FC236}">
                <a16:creationId xmlns:a16="http://schemas.microsoft.com/office/drawing/2014/main" id="{A0B0CB27-EA26-49D7-86F7-A5CD891DE010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0251137" y="3825034"/>
            <a:ext cx="1333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11/15/2020 - 11/15/2027</a:t>
            </a:r>
          </a:p>
        </p:txBody>
      </p:sp>
      <p:sp>
        <p:nvSpPr>
          <p:cNvPr id="1085" name="OTLSHAPE_T_5ef29ca6f6f046d494d22ad4a7c150ed_Title">
            <a:extLst>
              <a:ext uri="{FF2B5EF4-FFF2-40B4-BE49-F238E27FC236}">
                <a16:creationId xmlns:a16="http://schemas.microsoft.com/office/drawing/2014/main" id="{6B46CE82-5CBD-4DDA-B98D-9DCB0EDB12AF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329326" y="3817286"/>
            <a:ext cx="250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Jason-CS/Sentinel-6A (Esa/Eumetsat/Nasa)</a:t>
            </a:r>
            <a:endParaRPr lang="fr-FR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86" name="OTLSHAPE_T_bfc5800c10984f0a945f0021608a1f3f_Shape">
            <a:extLst>
              <a:ext uri="{FF2B5EF4-FFF2-40B4-BE49-F238E27FC236}">
                <a16:creationId xmlns:a16="http://schemas.microsoft.com/office/drawing/2014/main" id="{F90D7ACE-DE0A-45E5-B2D0-30395D10A5DA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8786931" y="4067646"/>
            <a:ext cx="7493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87" name="OTLSHAPE_T_bfc5800c10984f0a945f0021608a1f3f_ShapePercentage" hidden="1">
            <a:extLst>
              <a:ext uri="{FF2B5EF4-FFF2-40B4-BE49-F238E27FC236}">
                <a16:creationId xmlns:a16="http://schemas.microsoft.com/office/drawing/2014/main" id="{780B4907-1D2D-49DF-9067-4410456A36F6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8584605" y="6878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88" name="OTLSHAPE_T_bfc5800c10984f0a945f0021608a1f3f_Duration" hidden="1">
            <a:extLst>
              <a:ext uri="{FF2B5EF4-FFF2-40B4-BE49-F238E27FC236}">
                <a16:creationId xmlns:a16="http://schemas.microsoft.com/office/drawing/2014/main" id="{A63D2F78-E66B-4067-8DBD-70497549B09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0" y="68789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1097 jours</a:t>
            </a:r>
          </a:p>
        </p:txBody>
      </p:sp>
      <p:sp>
        <p:nvSpPr>
          <p:cNvPr id="1089" name="OTLSHAPE_T_bfc5800c10984f0a945f0021608a1f3f_TextPercentage" hidden="1">
            <a:extLst>
              <a:ext uri="{FF2B5EF4-FFF2-40B4-BE49-F238E27FC236}">
                <a16:creationId xmlns:a16="http://schemas.microsoft.com/office/drawing/2014/main" id="{97070331-98FF-46CA-877E-8EBC433EAFC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0" name="OTLSHAPE_T_bfc5800c10984f0a945f0021608a1f3f_StartDate" hidden="1">
            <a:extLst>
              <a:ext uri="{FF2B5EF4-FFF2-40B4-BE49-F238E27FC236}">
                <a16:creationId xmlns:a16="http://schemas.microsoft.com/office/drawing/2014/main" id="{F6896493-9D87-41C7-9AB0-2543CC8297F2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1" name="OTLSHAPE_T_bfc5800c10984f0a945f0021608a1f3f_EndDate" hidden="1">
            <a:extLst>
              <a:ext uri="{FF2B5EF4-FFF2-40B4-BE49-F238E27FC236}">
                <a16:creationId xmlns:a16="http://schemas.microsoft.com/office/drawing/2014/main" id="{9267755B-D67F-4FC3-8C9A-AC2AD7ACE29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2" name="OTLSHAPE_T_bfc5800c10984f0a945f0021608a1f3f_JoinedDate">
            <a:extLst>
              <a:ext uri="{FF2B5EF4-FFF2-40B4-BE49-F238E27FC236}">
                <a16:creationId xmlns:a16="http://schemas.microsoft.com/office/drawing/2014/main" id="{DCFDB5FC-5A72-42DE-8439-692A1BACD6E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9576067" y="4091734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2/15/2022 - 2/15/2025</a:t>
            </a:r>
          </a:p>
        </p:txBody>
      </p:sp>
      <p:sp>
        <p:nvSpPr>
          <p:cNvPr id="1093" name="OTLSHAPE_T_bfc5800c10984f0a945f0021608a1f3f_Title">
            <a:extLst>
              <a:ext uri="{FF2B5EF4-FFF2-40B4-BE49-F238E27FC236}">
                <a16:creationId xmlns:a16="http://schemas.microsoft.com/office/drawing/2014/main" id="{5F780928-60B2-41E7-9B91-AD71E04316B5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329326" y="4083986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wot (Nasa/Cnes)</a:t>
            </a:r>
          </a:p>
        </p:txBody>
      </p:sp>
      <p:sp>
        <p:nvSpPr>
          <p:cNvPr id="1094" name="OTLSHAPE_T_540020eeff4144c0adb88cb80c6329e2_Shape">
            <a:extLst>
              <a:ext uri="{FF2B5EF4-FFF2-40B4-BE49-F238E27FC236}">
                <a16:creationId xmlns:a16="http://schemas.microsoft.com/office/drawing/2014/main" id="{76CAA860-AF78-49FA-84F9-3E669BF03CA4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9124129" y="4334346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5" name="OTLSHAPE_T_540020eeff4144c0adb88cb80c6329e2_ShapePercentage" hidden="1">
            <a:extLst>
              <a:ext uri="{FF2B5EF4-FFF2-40B4-BE49-F238E27FC236}">
                <a16:creationId xmlns:a16="http://schemas.microsoft.com/office/drawing/2014/main" id="{69A3A070-471B-43EF-B57D-7FB9176473B5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8921803" y="7145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096" name="OTLSHAPE_T_540020eeff4144c0adb88cb80c6329e2_Duration" hidden="1">
            <a:extLst>
              <a:ext uri="{FF2B5EF4-FFF2-40B4-BE49-F238E27FC236}">
                <a16:creationId xmlns:a16="http://schemas.microsoft.com/office/drawing/2014/main" id="{C74BD75E-D3AB-4514-9AAD-85ADD7E6C833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0" y="71456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097" name="OTLSHAPE_T_540020eeff4144c0adb88cb80c6329e2_TextPercentage" hidden="1">
            <a:extLst>
              <a:ext uri="{FF2B5EF4-FFF2-40B4-BE49-F238E27FC236}">
                <a16:creationId xmlns:a16="http://schemas.microsoft.com/office/drawing/2014/main" id="{6B2CF6CE-2493-4A27-AE0A-F320FBC1FA6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98" name="OTLSHAPE_T_540020eeff4144c0adb88cb80c6329e2_StartDate" hidden="1">
            <a:extLst>
              <a:ext uri="{FF2B5EF4-FFF2-40B4-BE49-F238E27FC236}">
                <a16:creationId xmlns:a16="http://schemas.microsoft.com/office/drawing/2014/main" id="{99B6831B-E632-4134-81A0-71E392CBABB6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99" name="OTLSHAPE_T_540020eeff4144c0adb88cb80c6329e2_EndDate" hidden="1">
            <a:extLst>
              <a:ext uri="{FF2B5EF4-FFF2-40B4-BE49-F238E27FC236}">
                <a16:creationId xmlns:a16="http://schemas.microsoft.com/office/drawing/2014/main" id="{DD258C4C-8E7C-43FD-B7A7-F971F45787D3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0" name="OTLSHAPE_T_540020eeff4144c0adb88cb80c6329e2_JoinedDate">
            <a:extLst>
              <a:ext uri="{FF2B5EF4-FFF2-40B4-BE49-F238E27FC236}">
                <a16:creationId xmlns:a16="http://schemas.microsoft.com/office/drawing/2014/main" id="{953DC9E1-10A5-4574-AC7F-33210242C8B1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0896592" y="435843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spc="-6">
                <a:solidFill>
                  <a:schemeClr val="dk2"/>
                </a:solidFill>
                <a:latin typeface="Calibri" panose="020F0502020204030204" pitchFamily="34" charset="0"/>
              </a:rPr>
              <a:t>7/1/2023 - 7/1/2030</a:t>
            </a:r>
          </a:p>
        </p:txBody>
      </p:sp>
      <p:sp>
        <p:nvSpPr>
          <p:cNvPr id="1101" name="OTLSHAPE_T_540020eeff4144c0adb88cb80c6329e2_Title">
            <a:extLst>
              <a:ext uri="{FF2B5EF4-FFF2-40B4-BE49-F238E27FC236}">
                <a16:creationId xmlns:a16="http://schemas.microsoft.com/office/drawing/2014/main" id="{8833ECD0-501C-411E-9A66-E03E5F3725A7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329326" y="4350686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ntinel-3C (EU)</a:t>
            </a:r>
          </a:p>
        </p:txBody>
      </p:sp>
      <p:sp>
        <p:nvSpPr>
          <p:cNvPr id="1102" name="OTLSHAPE_T_d82c20d902c540f7af38d2e89d147184_Shape">
            <a:extLst>
              <a:ext uri="{FF2B5EF4-FFF2-40B4-BE49-F238E27FC236}">
                <a16:creationId xmlns:a16="http://schemas.microsoft.com/office/drawing/2014/main" id="{C4FC18FE-D410-4A12-AC87-9BA60AA79A9A}"/>
              </a:ext>
            </a:extLst>
          </p:cNvPr>
          <p:cNvSpPr/>
          <p:nvPr>
            <p:custDataLst>
              <p:tags r:id="rId140"/>
            </p:custDataLst>
          </p:nvPr>
        </p:nvSpPr>
        <p:spPr>
          <a:xfrm>
            <a:off x="9616129" y="4654471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03" name="OTLSHAPE_T_d82c20d902c540f7af38d2e89d147184_ShapePercentage" hidden="1">
            <a:extLst>
              <a:ext uri="{FF2B5EF4-FFF2-40B4-BE49-F238E27FC236}">
                <a16:creationId xmlns:a16="http://schemas.microsoft.com/office/drawing/2014/main" id="{277F68A9-67E4-404F-9FE6-12390F0EE1B0}"/>
              </a:ext>
            </a:extLst>
          </p:cNvPr>
          <p:cNvSpPr/>
          <p:nvPr>
            <p:custDataLst>
              <p:tags r:id="rId141"/>
            </p:custDataLst>
          </p:nvPr>
        </p:nvSpPr>
        <p:spPr>
          <a:xfrm>
            <a:off x="9413803" y="74657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04" name="OTLSHAPE_T_d82c20d902c540f7af38d2e89d147184_Duration" hidden="1">
            <a:extLst>
              <a:ext uri="{FF2B5EF4-FFF2-40B4-BE49-F238E27FC236}">
                <a16:creationId xmlns:a16="http://schemas.microsoft.com/office/drawing/2014/main" id="{D9DB98B6-C71F-4908-9EA5-24227A05B049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0" y="741235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105" name="OTLSHAPE_T_d82c20d902c540f7af38d2e89d147184_TextPercentage" hidden="1">
            <a:extLst>
              <a:ext uri="{FF2B5EF4-FFF2-40B4-BE49-F238E27FC236}">
                <a16:creationId xmlns:a16="http://schemas.microsoft.com/office/drawing/2014/main" id="{99882954-9B34-46F7-9FB0-B01FFDE5752B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6" name="OTLSHAPE_T_d82c20d902c540f7af38d2e89d147184_StartDate" hidden="1">
            <a:extLst>
              <a:ext uri="{FF2B5EF4-FFF2-40B4-BE49-F238E27FC236}">
                <a16:creationId xmlns:a16="http://schemas.microsoft.com/office/drawing/2014/main" id="{ACBBA0D7-F368-459A-B14D-47D6C2B9D090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7" name="OTLSHAPE_T_d82c20d902c540f7af38d2e89d147184_EndDate" hidden="1">
            <a:extLst>
              <a:ext uri="{FF2B5EF4-FFF2-40B4-BE49-F238E27FC236}">
                <a16:creationId xmlns:a16="http://schemas.microsoft.com/office/drawing/2014/main" id="{49B2BA57-9877-4605-8546-1CDD87A5D693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0" y="7567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08" name="OTLSHAPE_T_d82c20d902c540f7af38d2e89d147184_JoinedDate">
            <a:extLst>
              <a:ext uri="{FF2B5EF4-FFF2-40B4-BE49-F238E27FC236}">
                <a16:creationId xmlns:a16="http://schemas.microsoft.com/office/drawing/2014/main" id="{55A99C1C-E1C3-4406-A8FF-DD3335B4BFC7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1388592" y="4601046"/>
            <a:ext cx="584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dk2"/>
                </a:solidFill>
                <a:latin typeface="Calibri" panose="020F0502020204030204" pitchFamily="34" charset="0"/>
              </a:rPr>
              <a:t>7/1/2025 - 7/1/2032</a:t>
            </a:r>
          </a:p>
        </p:txBody>
      </p:sp>
      <p:sp>
        <p:nvSpPr>
          <p:cNvPr id="1109" name="OTLSHAPE_T_d82c20d902c540f7af38d2e89d147184_Title">
            <a:extLst>
              <a:ext uri="{FF2B5EF4-FFF2-40B4-BE49-F238E27FC236}">
                <a16:creationId xmlns:a16="http://schemas.microsoft.com/office/drawing/2014/main" id="{14AEDE16-A576-4165-8DCC-C7FBEB0EA59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329326" y="4670811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ntinel-3D (EU)</a:t>
            </a:r>
          </a:p>
        </p:txBody>
      </p:sp>
      <p:sp>
        <p:nvSpPr>
          <p:cNvPr id="1110" name="OTLSHAPE_T_f98ee9d0e303429a8b73596b9f95407e_Shape">
            <a:extLst>
              <a:ext uri="{FF2B5EF4-FFF2-40B4-BE49-F238E27FC236}">
                <a16:creationId xmlns:a16="http://schemas.microsoft.com/office/drawing/2014/main" id="{B41F8A26-14EF-4E26-B6DA-6EFBF919A01E}"/>
              </a:ext>
            </a:extLst>
          </p:cNvPr>
          <p:cNvSpPr/>
          <p:nvPr>
            <p:custDataLst>
              <p:tags r:id="rId148"/>
            </p:custDataLst>
          </p:nvPr>
        </p:nvSpPr>
        <p:spPr>
          <a:xfrm>
            <a:off x="9708337" y="5028020"/>
            <a:ext cx="17272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11" name="OTLSHAPE_T_f98ee9d0e303429a8b73596b9f95407e_ShapePercentage" hidden="1">
            <a:extLst>
              <a:ext uri="{FF2B5EF4-FFF2-40B4-BE49-F238E27FC236}">
                <a16:creationId xmlns:a16="http://schemas.microsoft.com/office/drawing/2014/main" id="{0FE0272D-C7B3-43EB-A2AF-8F2EE73690F6}"/>
              </a:ext>
            </a:extLst>
          </p:cNvPr>
          <p:cNvSpPr/>
          <p:nvPr>
            <p:custDataLst>
              <p:tags r:id="rId149"/>
            </p:custDataLst>
          </p:nvPr>
        </p:nvSpPr>
        <p:spPr>
          <a:xfrm>
            <a:off x="9506011" y="783932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112" name="OTLSHAPE_T_f98ee9d0e303429a8b73596b9f95407e_Duration" hidden="1">
            <a:extLst>
              <a:ext uri="{FF2B5EF4-FFF2-40B4-BE49-F238E27FC236}">
                <a16:creationId xmlns:a16="http://schemas.microsoft.com/office/drawing/2014/main" id="{EFD75ED8-DED5-47D1-B40A-200562F76B8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0" y="7785905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accent2"/>
                </a:solidFill>
                <a:latin typeface="Calibri" panose="020F0502020204030204" pitchFamily="34" charset="0"/>
              </a:rPr>
              <a:t>2558 jours</a:t>
            </a:r>
          </a:p>
        </p:txBody>
      </p:sp>
      <p:sp>
        <p:nvSpPr>
          <p:cNvPr id="1113" name="OTLSHAPE_T_f98ee9d0e303429a8b73596b9f95407e_TextPercentage" hidden="1">
            <a:extLst>
              <a:ext uri="{FF2B5EF4-FFF2-40B4-BE49-F238E27FC236}">
                <a16:creationId xmlns:a16="http://schemas.microsoft.com/office/drawing/2014/main" id="{973FBFF6-2A97-499A-8C0B-BFFE51EF4462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0" y="7940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14" name="OTLSHAPE_T_f98ee9d0e303429a8b73596b9f95407e_StartDate" hidden="1">
            <a:extLst>
              <a:ext uri="{FF2B5EF4-FFF2-40B4-BE49-F238E27FC236}">
                <a16:creationId xmlns:a16="http://schemas.microsoft.com/office/drawing/2014/main" id="{F146A141-80AE-4B6C-928C-AC0971E09C18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0" y="7940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5" name="OTLSHAPE_T_f98ee9d0e303429a8b73596b9f95407e_EndDate" hidden="1">
            <a:extLst>
              <a:ext uri="{FF2B5EF4-FFF2-40B4-BE49-F238E27FC236}">
                <a16:creationId xmlns:a16="http://schemas.microsoft.com/office/drawing/2014/main" id="{C87A6262-D4D6-40CB-9D61-686807CC9277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0" y="7940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6" name="OTLSHAPE_T_f98ee9d0e303429a8b73596b9f95407e_JoinedDate">
            <a:extLst>
              <a:ext uri="{FF2B5EF4-FFF2-40B4-BE49-F238E27FC236}">
                <a16:creationId xmlns:a16="http://schemas.microsoft.com/office/drawing/2014/main" id="{1D8B52BB-A409-4E9F-A610-B4C1242557ED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1480800" y="4974596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>
                <a:solidFill>
                  <a:schemeClr val="dk2"/>
                </a:solidFill>
                <a:latin typeface="Calibri" panose="020F0502020204030204" pitchFamily="34" charset="0"/>
              </a:rPr>
              <a:t>11/15/2025 - 11/15/2032</a:t>
            </a:r>
          </a:p>
        </p:txBody>
      </p:sp>
      <p:sp>
        <p:nvSpPr>
          <p:cNvPr id="1117" name="OTLSHAPE_T_f98ee9d0e303429a8b73596b9f95407e_Title">
            <a:extLst>
              <a:ext uri="{FF2B5EF4-FFF2-40B4-BE49-F238E27FC236}">
                <a16:creationId xmlns:a16="http://schemas.microsoft.com/office/drawing/2014/main" id="{1B0A9D6A-2921-4BD6-BC94-0CF7541425CE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329326" y="5044360"/>
            <a:ext cx="246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b="1" spc="-2">
                <a:solidFill>
                  <a:schemeClr val="dk1"/>
                </a:solidFill>
                <a:latin typeface="Calibri" panose="020F0502020204030204" pitchFamily="34" charset="0"/>
              </a:rPr>
              <a:t>Jason-CS/Sentinel-6B (EU/Eumetsat/Nasa)</a:t>
            </a:r>
          </a:p>
        </p:txBody>
      </p:sp>
      <p:sp>
        <p:nvSpPr>
          <p:cNvPr id="4" name="Titre 3">
            <a:extLst>
              <a:ext uri="{FF2B5EF4-FFF2-40B4-BE49-F238E27FC236}">
                <a16:creationId xmlns:a16="http://schemas.microsoft.com/office/drawing/2014/main" id="{2CDB8D17-9082-49AE-94BB-C18CC858C5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9336" y="68262"/>
            <a:ext cx="11925300" cy="511175"/>
          </a:xfrm>
        </p:spPr>
        <p:txBody>
          <a:bodyPr/>
          <a:lstStyle/>
          <a:p>
            <a:r>
              <a:rPr lang="fr-FR" dirty="0"/>
              <a:t>Missions altimétriques utilisées en hydrologie	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69263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4">
            <a:extLst>
              <a:ext uri="{FF2B5EF4-FFF2-40B4-BE49-F238E27FC236}">
                <a16:creationId xmlns:a16="http://schemas.microsoft.com/office/drawing/2014/main" id="{B1E7A7EA-4EB0-4C66-A0A6-7D2E17991F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fr-FR" sz="4000" dirty="0"/>
              <a:t>Les satellites altimétriques, de l’océan au cours d’eau	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F88AF7F8-D351-4341-946E-8311F721F57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 dirty="0"/>
              <a:t>Une technique conçue d’abord pour les océans (1</a:t>
            </a:r>
            <a:r>
              <a:rPr lang="fr-FR" baseline="30000" dirty="0"/>
              <a:t>e</a:t>
            </a:r>
            <a:r>
              <a:rPr lang="fr-FR" dirty="0"/>
              <a:t> idée : 1969). </a:t>
            </a:r>
            <a:br>
              <a:rPr lang="fr-FR" dirty="0"/>
            </a:br>
            <a:r>
              <a:rPr lang="fr-FR" dirty="0"/>
              <a:t>Les premiers satellites (années 1970) avaient une précision de ~1 m. </a:t>
            </a:r>
          </a:p>
          <a:p>
            <a:r>
              <a:rPr lang="fr-FR" dirty="0"/>
              <a:t>Années 90 : ERS-1, </a:t>
            </a:r>
            <a:r>
              <a:rPr lang="fr-FR" dirty="0" err="1"/>
              <a:t>Topex</a:t>
            </a:r>
            <a:r>
              <a:rPr lang="fr-FR" dirty="0"/>
              <a:t>/Poséidon utilisés sur lacs, grands fleuves</a:t>
            </a:r>
          </a:p>
          <a:p>
            <a:r>
              <a:rPr lang="fr-FR" dirty="0" err="1"/>
              <a:t>Envisat</a:t>
            </a:r>
            <a:r>
              <a:rPr lang="fr-FR" dirty="0"/>
              <a:t> et </a:t>
            </a:r>
            <a:r>
              <a:rPr lang="fr-FR" dirty="0" err="1"/>
              <a:t>Saral</a:t>
            </a:r>
            <a:r>
              <a:rPr lang="fr-FR" dirty="0"/>
              <a:t>, puis Sentinel-3 ; Jason-2, -3 et -CS continuent ces mesures</a:t>
            </a:r>
          </a:p>
          <a:p>
            <a:r>
              <a:rPr lang="fr-FR" dirty="0" err="1"/>
              <a:t>Saral</a:t>
            </a:r>
            <a:r>
              <a:rPr lang="fr-FR" dirty="0"/>
              <a:t> : meilleure résolution spatiale (faisceau plus fin)</a:t>
            </a:r>
          </a:p>
          <a:p>
            <a:r>
              <a:rPr lang="fr-FR" dirty="0"/>
              <a:t>Cryosat-2, Sentinel-3A&amp;B : utilisation de techniques de synthèse d’ouverture (« division » du faisceau en plus petites unités par traitement de l’onde retour)</a:t>
            </a:r>
          </a:p>
          <a:p>
            <a:r>
              <a:rPr lang="fr-FR" dirty="0"/>
              <a:t>2022 : </a:t>
            </a:r>
            <a:r>
              <a:rPr lang="fr-FR" dirty="0" err="1"/>
              <a:t>Swot</a:t>
            </a:r>
            <a:r>
              <a:rPr lang="fr-FR" dirty="0"/>
              <a:t>, un imageur interférométrique large fauchée</a:t>
            </a:r>
          </a:p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418553609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4" name="Rectangle 16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RS-1 &amp; 2	</a:t>
            </a:r>
          </a:p>
        </p:txBody>
      </p:sp>
      <p:sp>
        <p:nvSpPr>
          <p:cNvPr id="13315" name="Rectangle 24"/>
          <p:cNvSpPr>
            <a:spLocks noGrp="1" noChangeArrowheads="1"/>
          </p:cNvSpPr>
          <p:nvPr>
            <p:ph idx="1"/>
          </p:nvPr>
        </p:nvSpPr>
        <p:spPr>
          <a:xfrm>
            <a:off x="171450" y="692696"/>
            <a:ext cx="6644630" cy="541020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fr-FR" sz="2000" dirty="0"/>
              <a:t>Esa</a:t>
            </a:r>
          </a:p>
          <a:p>
            <a:r>
              <a:rPr lang="fr-FR" sz="2000" dirty="0"/>
              <a:t>Lancement :	17 juillet 1991 (ERS-1)</a:t>
            </a:r>
          </a:p>
          <a:p>
            <a:pPr marL="0" indent="0">
              <a:buNone/>
            </a:pPr>
            <a:r>
              <a:rPr lang="fr-FR" sz="2000" dirty="0"/>
              <a:t>	  	21 avril 1995 (ERS-2)</a:t>
            </a:r>
          </a:p>
          <a:p>
            <a:r>
              <a:rPr lang="fr-FR" sz="2000" dirty="0"/>
              <a:t>Fin : 	juin 1996  (ERS-1)</a:t>
            </a:r>
          </a:p>
          <a:p>
            <a:pPr marL="0" indent="0">
              <a:buNone/>
            </a:pPr>
            <a:r>
              <a:rPr lang="fr-FR" sz="2000" dirty="0"/>
              <a:t>	juin 2011 (fin de la couverture globale en juin 2003 pour ERS-2)</a:t>
            </a:r>
          </a:p>
          <a:p>
            <a:r>
              <a:rPr lang="fr-FR" sz="2000" dirty="0"/>
              <a:t>Mission :	Observer la Terre et son environnement</a:t>
            </a:r>
          </a:p>
          <a:p>
            <a:r>
              <a:rPr lang="fr-FR" sz="2000" dirty="0"/>
              <a:t>Altitude : 	782 à 785 km </a:t>
            </a:r>
          </a:p>
          <a:p>
            <a:r>
              <a:rPr lang="fr-FR" sz="2000" dirty="0"/>
              <a:t>Charge utile :</a:t>
            </a:r>
          </a:p>
          <a:p>
            <a:pPr lvl="1"/>
            <a:r>
              <a:rPr lang="fr-FR" sz="1800" dirty="0"/>
              <a:t>radar altimètre </a:t>
            </a:r>
            <a:r>
              <a:rPr lang="fr-FR" sz="1800" dirty="0" err="1"/>
              <a:t>mono-fréquence</a:t>
            </a:r>
            <a:r>
              <a:rPr lang="fr-FR" sz="1800" dirty="0"/>
              <a:t> (RA)</a:t>
            </a:r>
          </a:p>
          <a:p>
            <a:pPr lvl="1"/>
            <a:r>
              <a:rPr lang="fr-FR" sz="1800" dirty="0"/>
              <a:t>radiomètre bi-fréquence (MWR)</a:t>
            </a:r>
          </a:p>
          <a:p>
            <a:pPr lvl="1"/>
            <a:r>
              <a:rPr lang="fr-FR" sz="1800" dirty="0"/>
              <a:t>Laser pour la détermination d'orbite</a:t>
            </a:r>
          </a:p>
          <a:p>
            <a:r>
              <a:rPr lang="fr-FR" sz="2000" dirty="0"/>
              <a:t>Orbite :</a:t>
            </a:r>
          </a:p>
          <a:p>
            <a:pPr lvl="1"/>
            <a:r>
              <a:rPr lang="fr-FR" sz="1800" dirty="0"/>
              <a:t>Inclinaison : 98.52°</a:t>
            </a:r>
          </a:p>
          <a:p>
            <a:pPr lvl="1"/>
            <a:r>
              <a:rPr lang="fr-FR" sz="1800" dirty="0"/>
              <a:t>Fréquence de revisite : 35 jours </a:t>
            </a:r>
            <a:br>
              <a:rPr lang="fr-FR" sz="1800" dirty="0"/>
            </a:br>
            <a:r>
              <a:rPr lang="fr-FR" sz="1800" dirty="0"/>
              <a:t>	      3 jours (ERS-1 phase glaces)</a:t>
            </a:r>
            <a:br>
              <a:rPr lang="fr-FR" sz="1800" dirty="0"/>
            </a:br>
            <a:r>
              <a:rPr lang="fr-FR" sz="1800" dirty="0"/>
              <a:t>	     168 jours (ERS-1  phase géodésique)</a:t>
            </a:r>
          </a:p>
          <a:p>
            <a:pPr lvl="1"/>
            <a:r>
              <a:rPr lang="fr-FR" sz="1800" dirty="0"/>
              <a:t>Distance inter-trace à l'équateur : 80 km (cycle de 35 jours)</a:t>
            </a:r>
          </a:p>
        </p:txBody>
      </p:sp>
      <p:grpSp>
        <p:nvGrpSpPr>
          <p:cNvPr id="6" name="Groupe 5">
            <a:extLst>
              <a:ext uri="{FF2B5EF4-FFF2-40B4-BE49-F238E27FC236}">
                <a16:creationId xmlns:a16="http://schemas.microsoft.com/office/drawing/2014/main" id="{12DC26A2-4EE8-494A-AD72-562F6218BCC8}"/>
              </a:ext>
            </a:extLst>
          </p:cNvPr>
          <p:cNvGrpSpPr/>
          <p:nvPr/>
        </p:nvGrpSpPr>
        <p:grpSpPr>
          <a:xfrm>
            <a:off x="6457325" y="1013384"/>
            <a:ext cx="5734675" cy="5250345"/>
            <a:chOff x="6357365" y="1034653"/>
            <a:chExt cx="5734675" cy="5250345"/>
          </a:xfrm>
        </p:grpSpPr>
        <p:pic>
          <p:nvPicPr>
            <p:cNvPr id="7" name="Image 6">
              <a:extLst>
                <a:ext uri="{FF2B5EF4-FFF2-40B4-BE49-F238E27FC236}">
                  <a16:creationId xmlns:a16="http://schemas.microsoft.com/office/drawing/2014/main" id="{FFAB3319-721B-4F0D-8A96-08B88322462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357365" y="1034653"/>
              <a:ext cx="5691759" cy="5229113"/>
            </a:xfrm>
            <a:prstGeom prst="rect">
              <a:avLst/>
            </a:prstGeom>
          </p:spPr>
        </p:pic>
        <p:sp>
          <p:nvSpPr>
            <p:cNvPr id="8" name="ZoneTexte 7">
              <a:extLst>
                <a:ext uri="{FF2B5EF4-FFF2-40B4-BE49-F238E27FC236}">
                  <a16:creationId xmlns:a16="http://schemas.microsoft.com/office/drawing/2014/main" id="{5F5DFBB5-AAD1-4844-9DBA-1022C9A6FC73}"/>
                </a:ext>
              </a:extLst>
            </p:cNvPr>
            <p:cNvSpPr txBox="1"/>
            <p:nvPr/>
          </p:nvSpPr>
          <p:spPr>
            <a:xfrm>
              <a:off x="11363956" y="5977221"/>
              <a:ext cx="728084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4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  <p:grpSp>
        <p:nvGrpSpPr>
          <p:cNvPr id="9" name="Groupe 8">
            <a:extLst>
              <a:ext uri="{FF2B5EF4-FFF2-40B4-BE49-F238E27FC236}">
                <a16:creationId xmlns:a16="http://schemas.microsoft.com/office/drawing/2014/main" id="{DFDD8A63-35A4-4C01-8560-A86CE7E14417}"/>
              </a:ext>
            </a:extLst>
          </p:cNvPr>
          <p:cNvGrpSpPr/>
          <p:nvPr/>
        </p:nvGrpSpPr>
        <p:grpSpPr>
          <a:xfrm>
            <a:off x="2855640" y="0"/>
            <a:ext cx="1440160" cy="1237142"/>
            <a:chOff x="2855640" y="0"/>
            <a:chExt cx="1440160" cy="1237142"/>
          </a:xfrm>
        </p:grpSpPr>
        <p:pic>
          <p:nvPicPr>
            <p:cNvPr id="10" name="Picture 31" descr="ers copier">
              <a:extLst>
                <a:ext uri="{FF2B5EF4-FFF2-40B4-BE49-F238E27FC236}">
                  <a16:creationId xmlns:a16="http://schemas.microsoft.com/office/drawing/2014/main" id="{3E70627C-CA33-4517-AF90-4E56A8895C0F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855640" y="0"/>
              <a:ext cx="1440160" cy="123714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11" name="ZoneTexte 10">
              <a:extLst>
                <a:ext uri="{FF2B5EF4-FFF2-40B4-BE49-F238E27FC236}">
                  <a16:creationId xmlns:a16="http://schemas.microsoft.com/office/drawing/2014/main" id="{8A94B803-A8BD-4E63-AFF1-9A8D8FD2B190}"/>
                </a:ext>
              </a:extLst>
            </p:cNvPr>
            <p:cNvSpPr txBox="1"/>
            <p:nvPr/>
          </p:nvSpPr>
          <p:spPr>
            <a:xfrm>
              <a:off x="3143672" y="828675"/>
              <a:ext cx="415498" cy="184666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600" dirty="0">
                  <a:solidFill>
                    <a:schemeClr val="bg2">
                      <a:lumMod val="50000"/>
                    </a:schemeClr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338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err="1"/>
              <a:t>Topex</a:t>
            </a:r>
            <a:r>
              <a:rPr lang="fr-FR" dirty="0"/>
              <a:t>/Poséidon	</a:t>
            </a:r>
          </a:p>
        </p:txBody>
      </p:sp>
      <p:sp>
        <p:nvSpPr>
          <p:cNvPr id="14339" name="Rectangle 3"/>
          <p:cNvSpPr>
            <a:spLocks noGrp="1" noChangeArrowheads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indent="0">
              <a:buNone/>
            </a:pPr>
            <a:r>
              <a:rPr lang="fr-FR" sz="2400" dirty="0"/>
              <a:t>Nasa/Cnes</a:t>
            </a:r>
          </a:p>
          <a:p>
            <a:r>
              <a:rPr lang="fr-FR" sz="2400" dirty="0"/>
              <a:t>Lancement : 	10 août 1992</a:t>
            </a:r>
          </a:p>
          <a:p>
            <a:r>
              <a:rPr lang="fr-FR" sz="2400" dirty="0"/>
              <a:t>Fin de la mission :	 5 janvier 2006</a:t>
            </a:r>
          </a:p>
          <a:p>
            <a:r>
              <a:rPr lang="fr-FR" sz="2400" dirty="0"/>
              <a:t>Mission :	Mesurer la hauteur des océans</a:t>
            </a:r>
          </a:p>
          <a:p>
            <a:r>
              <a:rPr lang="fr-FR" sz="2400" dirty="0"/>
              <a:t>Altitude :	1336 km</a:t>
            </a:r>
          </a:p>
          <a:p>
            <a:r>
              <a:rPr lang="fr-FR" sz="2400" dirty="0"/>
              <a:t>Charge utile :</a:t>
            </a:r>
          </a:p>
          <a:p>
            <a:pPr lvl="1"/>
            <a:r>
              <a:rPr lang="fr-FR" sz="2000" dirty="0"/>
              <a:t>	altimètre bi-fréquence (</a:t>
            </a:r>
            <a:r>
              <a:rPr lang="fr-FR" sz="2000" dirty="0" err="1"/>
              <a:t>Topex</a:t>
            </a:r>
            <a:r>
              <a:rPr lang="fr-FR" sz="2000" dirty="0"/>
              <a:t>)</a:t>
            </a:r>
          </a:p>
          <a:p>
            <a:pPr lvl="1"/>
            <a:r>
              <a:rPr lang="fr-FR" sz="2000" dirty="0"/>
              <a:t>	altimètre expérimental </a:t>
            </a:r>
            <a:r>
              <a:rPr lang="fr-FR" sz="2000" dirty="0" err="1"/>
              <a:t>mono-fréquence</a:t>
            </a:r>
            <a:r>
              <a:rPr lang="fr-FR" sz="2000" dirty="0"/>
              <a:t> (Poséidon-1)</a:t>
            </a:r>
          </a:p>
          <a:p>
            <a:pPr lvl="1"/>
            <a:r>
              <a:rPr lang="fr-FR" sz="2000" dirty="0"/>
              <a:t>	radiomètre tri-fréquence (TMR) </a:t>
            </a:r>
          </a:p>
          <a:p>
            <a:pPr lvl="1"/>
            <a:r>
              <a:rPr lang="fr-FR" sz="2000" dirty="0"/>
              <a:t>	Détermination d'orbite : laser (LRA), Doris, GPS (GPSDR) </a:t>
            </a:r>
          </a:p>
          <a:p>
            <a:r>
              <a:rPr lang="fr-FR" sz="2400" dirty="0"/>
              <a:t>Orbite :</a:t>
            </a:r>
          </a:p>
          <a:p>
            <a:pPr lvl="1"/>
            <a:r>
              <a:rPr lang="fr-FR" sz="2000" dirty="0"/>
              <a:t>	Inclinaison : 66° (non héliosynchrone) </a:t>
            </a:r>
          </a:p>
          <a:p>
            <a:pPr lvl="1"/>
            <a:r>
              <a:rPr lang="fr-FR" sz="2000" dirty="0"/>
              <a:t>	Fréquence de revisite : 10 jours</a:t>
            </a:r>
          </a:p>
          <a:p>
            <a:pPr lvl="1"/>
            <a:r>
              <a:rPr lang="fr-FR" sz="2000" dirty="0"/>
              <a:t>	Distance inter-trace à l'équateur : 315 km</a:t>
            </a:r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0A6FCE4E-2811-4B77-AA30-8F73462510F8}"/>
              </a:ext>
            </a:extLst>
          </p:cNvPr>
          <p:cNvGrpSpPr/>
          <p:nvPr/>
        </p:nvGrpSpPr>
        <p:grpSpPr>
          <a:xfrm>
            <a:off x="3988117" y="-143433"/>
            <a:ext cx="3164244" cy="1944216"/>
            <a:chOff x="4007769" y="-287449"/>
            <a:chExt cx="3164244" cy="1944216"/>
          </a:xfrm>
        </p:grpSpPr>
        <p:pic>
          <p:nvPicPr>
            <p:cNvPr id="6" name="Picture 14" descr="TOPEX1 copier">
              <a:extLst>
                <a:ext uri="{FF2B5EF4-FFF2-40B4-BE49-F238E27FC236}">
                  <a16:creationId xmlns:a16="http://schemas.microsoft.com/office/drawing/2014/main" id="{0456C397-7E5A-41CF-8382-224D881793F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4007769" y="-287449"/>
              <a:ext cx="3164244" cy="1944216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9A7A8201-DE18-49F0-A0E2-DC88E4C08F05}"/>
                </a:ext>
              </a:extLst>
            </p:cNvPr>
            <p:cNvSpPr txBox="1"/>
            <p:nvPr/>
          </p:nvSpPr>
          <p:spPr>
            <a:xfrm>
              <a:off x="4281540" y="1376618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pic>
        <p:nvPicPr>
          <p:cNvPr id="8" name="Image 7">
            <a:extLst>
              <a:ext uri="{FF2B5EF4-FFF2-40B4-BE49-F238E27FC236}">
                <a16:creationId xmlns:a16="http://schemas.microsoft.com/office/drawing/2014/main" id="{E42300BC-FAEB-473B-9658-6263E1F1455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261567" y="1036754"/>
            <a:ext cx="4698001" cy="5328071"/>
          </a:xfrm>
          <a:prstGeom prst="rect">
            <a:avLst/>
          </a:prstGeom>
        </p:spPr>
      </p:pic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6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Jason-1	</a:t>
            </a:r>
          </a:p>
        </p:txBody>
      </p:sp>
      <p:sp>
        <p:nvSpPr>
          <p:cNvPr id="16387" name="Rectangle 3"/>
          <p:cNvSpPr>
            <a:spLocks noGrp="1" noChangeArrowheads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fr-FR" sz="2400" dirty="0"/>
              <a:t>Cnes/Nasa</a:t>
            </a:r>
          </a:p>
          <a:p>
            <a:r>
              <a:rPr lang="fr-FR" sz="2400" dirty="0"/>
              <a:t>Lancement :	7 décembre 2001</a:t>
            </a:r>
          </a:p>
          <a:p>
            <a:r>
              <a:rPr lang="fr-FR" sz="2400" dirty="0"/>
              <a:t>Fin de la mission :	1er juillet 2013</a:t>
            </a:r>
          </a:p>
          <a:p>
            <a:r>
              <a:rPr lang="fr-FR" sz="2400" dirty="0"/>
              <a:t>Mission :	Mesurer la hauteur des océans</a:t>
            </a:r>
          </a:p>
          <a:p>
            <a:r>
              <a:rPr lang="fr-FR" sz="2400" dirty="0"/>
              <a:t>Altitude :	 1336 km</a:t>
            </a:r>
          </a:p>
          <a:p>
            <a:r>
              <a:rPr lang="fr-FR" sz="2400" dirty="0"/>
              <a:t>Charge utile :</a:t>
            </a:r>
          </a:p>
          <a:p>
            <a:pPr lvl="1"/>
            <a:r>
              <a:rPr lang="fr-FR" sz="2000" dirty="0"/>
              <a:t>	altimètre bi-fréquence (Poseidon-2)</a:t>
            </a:r>
          </a:p>
          <a:p>
            <a:pPr lvl="1"/>
            <a:r>
              <a:rPr lang="fr-FR" sz="2000" dirty="0"/>
              <a:t>	radiomètre tri-fréquence (JMR)	</a:t>
            </a:r>
          </a:p>
          <a:p>
            <a:pPr lvl="1"/>
            <a:r>
              <a:rPr lang="fr-FR" sz="2000" dirty="0"/>
              <a:t>	Détermination d'orbite : Laser (LRA), GPS (TRSR), Doris</a:t>
            </a:r>
          </a:p>
          <a:p>
            <a:r>
              <a:rPr lang="fr-FR" sz="2400" dirty="0"/>
              <a:t>Orbite :</a:t>
            </a:r>
          </a:p>
          <a:p>
            <a:r>
              <a:rPr lang="fr-FR" sz="2400" dirty="0"/>
              <a:t>	- Inclinaison : 66° (non héliosynchrone) </a:t>
            </a:r>
          </a:p>
          <a:p>
            <a:pPr lvl="1"/>
            <a:r>
              <a:rPr lang="fr-FR" sz="2000" dirty="0"/>
              <a:t>	Fréquence de revisite : 10 jours</a:t>
            </a:r>
          </a:p>
          <a:p>
            <a:pPr lvl="1"/>
            <a:r>
              <a:rPr lang="fr-FR" sz="2000" dirty="0"/>
              <a:t>	Distance inter-trace à l'équateur : 315 km</a:t>
            </a:r>
          </a:p>
          <a:p>
            <a:endParaRPr lang="en-GB" dirty="0"/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A00630CC-338C-4758-A6C6-2147C7B3CB89}"/>
              </a:ext>
            </a:extLst>
          </p:cNvPr>
          <p:cNvSpPr txBox="1"/>
          <p:nvPr/>
        </p:nvSpPr>
        <p:spPr>
          <a:xfrm>
            <a:off x="1271464" y="6150114"/>
            <a:ext cx="1044116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b="1" dirty="0">
                <a:latin typeface="Calibri" panose="020F0502020204030204" pitchFamily="34" charset="0"/>
                <a:cs typeface="Calibri" panose="020F0502020204030204" pitchFamily="34" charset="0"/>
              </a:rPr>
              <a:t>Le schéma d’émission / réception du satellite n’était pas optimisé pour les eaux continentales, donc peu de données sur terres</a:t>
            </a:r>
          </a:p>
        </p:txBody>
      </p:sp>
      <p:grpSp>
        <p:nvGrpSpPr>
          <p:cNvPr id="6" name="Groupe 5">
            <a:extLst>
              <a:ext uri="{FF2B5EF4-FFF2-40B4-BE49-F238E27FC236}">
                <a16:creationId xmlns:a16="http://schemas.microsoft.com/office/drawing/2014/main" id="{33A91F74-F146-4A52-A4D8-56F0CF0EA08A}"/>
              </a:ext>
            </a:extLst>
          </p:cNvPr>
          <p:cNvGrpSpPr/>
          <p:nvPr/>
        </p:nvGrpSpPr>
        <p:grpSpPr>
          <a:xfrm>
            <a:off x="2062161" y="-195263"/>
            <a:ext cx="4048125" cy="1628775"/>
            <a:chOff x="2062161" y="-195263"/>
            <a:chExt cx="4048125" cy="1628775"/>
          </a:xfrm>
        </p:grpSpPr>
        <p:pic>
          <p:nvPicPr>
            <p:cNvPr id="7" name="Picture 13" descr="JASON copier">
              <a:extLst>
                <a:ext uri="{FF2B5EF4-FFF2-40B4-BE49-F238E27FC236}">
                  <a16:creationId xmlns:a16="http://schemas.microsoft.com/office/drawing/2014/main" id="{EEF614C3-FA76-41F1-AD76-96A5856BA960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>
              <a:off x="2062161" y="-195263"/>
              <a:ext cx="4048125" cy="162877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8" name="ZoneTexte 7">
              <a:extLst>
                <a:ext uri="{FF2B5EF4-FFF2-40B4-BE49-F238E27FC236}">
                  <a16:creationId xmlns:a16="http://schemas.microsoft.com/office/drawing/2014/main" id="{13A7BA69-AA1D-4C0D-9C64-CD5E8745DC0F}"/>
                </a:ext>
              </a:extLst>
            </p:cNvPr>
            <p:cNvSpPr txBox="1"/>
            <p:nvPr/>
          </p:nvSpPr>
          <p:spPr>
            <a:xfrm>
              <a:off x="2495600" y="1012827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grpSp>
        <p:nvGrpSpPr>
          <p:cNvPr id="9" name="Groupe 8">
            <a:extLst>
              <a:ext uri="{FF2B5EF4-FFF2-40B4-BE49-F238E27FC236}">
                <a16:creationId xmlns:a16="http://schemas.microsoft.com/office/drawing/2014/main" id="{C98DF819-9611-4806-AC2D-D590FA13B21E}"/>
              </a:ext>
            </a:extLst>
          </p:cNvPr>
          <p:cNvGrpSpPr/>
          <p:nvPr/>
        </p:nvGrpSpPr>
        <p:grpSpPr>
          <a:xfrm>
            <a:off x="7537994" y="404664"/>
            <a:ext cx="4453930" cy="5846802"/>
            <a:chOff x="7537994" y="404664"/>
            <a:chExt cx="4453930" cy="5846802"/>
          </a:xfrm>
        </p:grpSpPr>
        <p:pic>
          <p:nvPicPr>
            <p:cNvPr id="10" name="Image 9">
              <a:extLst>
                <a:ext uri="{FF2B5EF4-FFF2-40B4-BE49-F238E27FC236}">
                  <a16:creationId xmlns:a16="http://schemas.microsoft.com/office/drawing/2014/main" id="{DB0E07CF-E274-4252-BE98-7A547D7968A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624116" y="404664"/>
              <a:ext cx="4367808" cy="5846802"/>
            </a:xfrm>
            <a:prstGeom prst="rect">
              <a:avLst/>
            </a:prstGeom>
          </p:spPr>
        </p:pic>
        <p:sp>
          <p:nvSpPr>
            <p:cNvPr id="11" name="ZoneTexte 10">
              <a:extLst>
                <a:ext uri="{FF2B5EF4-FFF2-40B4-BE49-F238E27FC236}">
                  <a16:creationId xmlns:a16="http://schemas.microsoft.com/office/drawing/2014/main" id="{4A675C08-3DF2-453D-B368-1BAAEE524EB8}"/>
                </a:ext>
              </a:extLst>
            </p:cNvPr>
            <p:cNvSpPr txBox="1"/>
            <p:nvPr/>
          </p:nvSpPr>
          <p:spPr>
            <a:xfrm>
              <a:off x="7537994" y="5983561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/>
                <a:t>© Cnes/D. Ducros</a:t>
              </a:r>
            </a:p>
          </p:txBody>
        </p:sp>
      </p:grpSp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11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nvisat	</a:t>
            </a:r>
          </a:p>
        </p:txBody>
      </p:sp>
      <p:sp>
        <p:nvSpPr>
          <p:cNvPr id="17412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828675"/>
            <a:ext cx="7508727" cy="5410200"/>
          </a:xfrm>
        </p:spPr>
        <p:txBody>
          <a:bodyPr/>
          <a:lstStyle/>
          <a:p>
            <a:pPr marL="0" indent="0">
              <a:buNone/>
            </a:pPr>
            <a:r>
              <a:rPr lang="fr-FR" dirty="0"/>
              <a:t>Esa</a:t>
            </a:r>
          </a:p>
          <a:p>
            <a:r>
              <a:rPr lang="fr-FR" dirty="0"/>
              <a:t>Lancement </a:t>
            </a:r>
            <a:r>
              <a:rPr lang="fr-FR" sz="2400" dirty="0"/>
              <a:t>:	1er mars 2002</a:t>
            </a:r>
          </a:p>
          <a:p>
            <a:r>
              <a:rPr lang="fr-FR" sz="2400" dirty="0"/>
              <a:t>Fin de la mission :	9 mai 2012</a:t>
            </a:r>
          </a:p>
          <a:p>
            <a:r>
              <a:rPr lang="fr-FR" sz="2400" dirty="0"/>
              <a:t>Mission :	Observer la Terre et </a:t>
            </a:r>
            <a:br>
              <a:rPr lang="fr-FR" sz="2400" dirty="0"/>
            </a:br>
            <a:r>
              <a:rPr lang="fr-FR" sz="2400" dirty="0"/>
              <a:t>		son environnement</a:t>
            </a:r>
          </a:p>
          <a:p>
            <a:r>
              <a:rPr lang="fr-FR" sz="2400" dirty="0"/>
              <a:t>Altitude :		800 km</a:t>
            </a:r>
          </a:p>
          <a:p>
            <a:r>
              <a:rPr lang="fr-FR" sz="2400" dirty="0"/>
              <a:t>Charge utile :</a:t>
            </a:r>
            <a:br>
              <a:rPr lang="fr-FR" sz="2400" dirty="0"/>
            </a:br>
            <a:r>
              <a:rPr lang="fr-FR" sz="2400" dirty="0"/>
              <a:t>10  instruments différents dont :</a:t>
            </a:r>
          </a:p>
          <a:p>
            <a:pPr lvl="1"/>
            <a:r>
              <a:rPr lang="fr-FR" sz="2000" dirty="0"/>
              <a:t>	altimètre radar(RA2)</a:t>
            </a:r>
          </a:p>
          <a:p>
            <a:pPr lvl="1"/>
            <a:r>
              <a:rPr lang="fr-FR" sz="2000" dirty="0"/>
              <a:t>	radiomètre (MWR)</a:t>
            </a:r>
          </a:p>
          <a:p>
            <a:pPr lvl="1"/>
            <a:r>
              <a:rPr lang="fr-FR" sz="2000" dirty="0"/>
              <a:t>	Détermination d'orbite : laser (LRR), Doris	 </a:t>
            </a:r>
            <a:endParaRPr lang="fr-FR" sz="2400" dirty="0"/>
          </a:p>
          <a:p>
            <a:r>
              <a:rPr lang="fr-FR" sz="2400" dirty="0"/>
              <a:t>Orbite :</a:t>
            </a:r>
          </a:p>
          <a:p>
            <a:pPr lvl="1"/>
            <a:r>
              <a:rPr lang="fr-FR" sz="2000" dirty="0"/>
              <a:t>	Inclinaison : 98.5° (héliosynchrone) </a:t>
            </a:r>
          </a:p>
          <a:p>
            <a:pPr lvl="1"/>
            <a:r>
              <a:rPr lang="fr-FR" sz="2000" dirty="0"/>
              <a:t>	Fréquence de revisite : 35 jours</a:t>
            </a:r>
          </a:p>
          <a:p>
            <a:pPr lvl="1"/>
            <a:r>
              <a:rPr lang="fr-FR" sz="2000" dirty="0"/>
              <a:t>	Distance inter-trace à l'équateur : 80 km</a:t>
            </a:r>
          </a:p>
        </p:txBody>
      </p:sp>
      <p:grpSp>
        <p:nvGrpSpPr>
          <p:cNvPr id="5" name="Groupe 4">
            <a:extLst>
              <a:ext uri="{FF2B5EF4-FFF2-40B4-BE49-F238E27FC236}">
                <a16:creationId xmlns:a16="http://schemas.microsoft.com/office/drawing/2014/main" id="{04943DBE-1B20-4D00-B30B-49233FD6F404}"/>
              </a:ext>
            </a:extLst>
          </p:cNvPr>
          <p:cNvGrpSpPr/>
          <p:nvPr/>
        </p:nvGrpSpPr>
        <p:grpSpPr>
          <a:xfrm>
            <a:off x="2063552" y="0"/>
            <a:ext cx="3792389" cy="2473325"/>
            <a:chOff x="2271935" y="0"/>
            <a:chExt cx="3792389" cy="2473325"/>
          </a:xfrm>
        </p:grpSpPr>
        <p:pic>
          <p:nvPicPr>
            <p:cNvPr id="6" name="Picture 13" descr="envisat_c copier">
              <a:extLst>
                <a:ext uri="{FF2B5EF4-FFF2-40B4-BE49-F238E27FC236}">
                  <a16:creationId xmlns:a16="http://schemas.microsoft.com/office/drawing/2014/main" id="{2D261852-E425-41FF-B6CF-7473AF3319A1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 cstate="print"/>
            <a:srcRect/>
            <a:stretch>
              <a:fillRect/>
            </a:stretch>
          </p:blipFill>
          <p:spPr bwMode="auto">
            <a:xfrm flipH="1">
              <a:off x="2271935" y="0"/>
              <a:ext cx="3792389" cy="24733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5B60C2B8-0B77-4931-B0A2-12C47F21FEEA}"/>
                </a:ext>
              </a:extLst>
            </p:cNvPr>
            <p:cNvSpPr txBox="1"/>
            <p:nvPr/>
          </p:nvSpPr>
          <p:spPr>
            <a:xfrm>
              <a:off x="2271935" y="975052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Esa</a:t>
              </a:r>
            </a:p>
          </p:txBody>
        </p:sp>
      </p:grpSp>
      <p:grpSp>
        <p:nvGrpSpPr>
          <p:cNvPr id="8" name="Groupe 7">
            <a:extLst>
              <a:ext uri="{FF2B5EF4-FFF2-40B4-BE49-F238E27FC236}">
                <a16:creationId xmlns:a16="http://schemas.microsoft.com/office/drawing/2014/main" id="{108493F1-F05D-46B3-84CB-B4C942B14745}"/>
              </a:ext>
            </a:extLst>
          </p:cNvPr>
          <p:cNvGrpSpPr/>
          <p:nvPr/>
        </p:nvGrpSpPr>
        <p:grpSpPr>
          <a:xfrm>
            <a:off x="5991255" y="738288"/>
            <a:ext cx="6081409" cy="6075088"/>
            <a:chOff x="6143704" y="681038"/>
            <a:chExt cx="6081409" cy="6075088"/>
          </a:xfrm>
        </p:grpSpPr>
        <p:pic>
          <p:nvPicPr>
            <p:cNvPr id="9" name="Image 8">
              <a:extLst>
                <a:ext uri="{FF2B5EF4-FFF2-40B4-BE49-F238E27FC236}">
                  <a16:creationId xmlns:a16="http://schemas.microsoft.com/office/drawing/2014/main" id="{110DB56F-AEF5-456C-8F7D-D5759A57CF5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143704" y="681038"/>
              <a:ext cx="6081409" cy="6075088"/>
            </a:xfrm>
            <a:prstGeom prst="rect">
              <a:avLst/>
            </a:prstGeom>
          </p:spPr>
        </p:pic>
        <p:sp>
          <p:nvSpPr>
            <p:cNvPr id="10" name="ZoneTexte 9">
              <a:extLst>
                <a:ext uri="{FF2B5EF4-FFF2-40B4-BE49-F238E27FC236}">
                  <a16:creationId xmlns:a16="http://schemas.microsoft.com/office/drawing/2014/main" id="{6F778F48-CDDF-480B-B8C6-F0D243DEE6D0}"/>
                </a:ext>
              </a:extLst>
            </p:cNvPr>
            <p:cNvSpPr txBox="1"/>
            <p:nvPr/>
          </p:nvSpPr>
          <p:spPr>
            <a:xfrm>
              <a:off x="6143704" y="6459864"/>
              <a:ext cx="570990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1"/>
                  </a:solidFill>
                </a:rPr>
                <a:t>© Esa</a:t>
              </a:r>
            </a:p>
          </p:txBody>
        </p:sp>
      </p:grp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Jason-2	</a:t>
            </a:r>
          </a:p>
        </p:txBody>
      </p:sp>
      <p:sp>
        <p:nvSpPr>
          <p:cNvPr id="18435" name="Rectangle 3"/>
          <p:cNvSpPr>
            <a:spLocks noGrp="1" noChangeArrowheads="1"/>
          </p:cNvSpPr>
          <p:nvPr>
            <p:ph idx="1"/>
          </p:nvPr>
        </p:nvSpPr>
        <p:spPr>
          <a:xfrm>
            <a:off x="171449" y="1091705"/>
            <a:ext cx="11877675" cy="5147170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fr-FR" sz="2400" dirty="0" err="1"/>
              <a:t>Eumetsat</a:t>
            </a:r>
            <a:r>
              <a:rPr lang="fr-FR" sz="2400" dirty="0"/>
              <a:t>/</a:t>
            </a:r>
            <a:r>
              <a:rPr lang="fr-FR" sz="2400" dirty="0" err="1"/>
              <a:t>Noaa</a:t>
            </a:r>
            <a:r>
              <a:rPr lang="fr-FR" sz="2400" dirty="0"/>
              <a:t>/Cnes/Nasa</a:t>
            </a:r>
            <a:endParaRPr lang="fr-FR" sz="2000" dirty="0"/>
          </a:p>
          <a:p>
            <a:r>
              <a:rPr lang="fr-FR" sz="2000" dirty="0"/>
              <a:t>Lancement :	20 juin 2008 </a:t>
            </a:r>
          </a:p>
          <a:p>
            <a:r>
              <a:rPr lang="fr-FR" sz="2000" dirty="0"/>
              <a:t>Fin de la mission :	oct. 2019</a:t>
            </a:r>
          </a:p>
          <a:p>
            <a:r>
              <a:rPr lang="fr-FR" sz="2000" dirty="0"/>
              <a:t>Mission :	Mesurer la hauteur </a:t>
            </a:r>
            <a:br>
              <a:rPr lang="fr-FR" sz="2000" dirty="0"/>
            </a:br>
            <a:r>
              <a:rPr lang="fr-FR" sz="2000" dirty="0"/>
              <a:t>des océans</a:t>
            </a:r>
          </a:p>
          <a:p>
            <a:r>
              <a:rPr lang="fr-FR" sz="2000" dirty="0"/>
              <a:t>Altitude :	1336 km</a:t>
            </a:r>
          </a:p>
          <a:p>
            <a:r>
              <a:rPr lang="fr-FR" sz="2000" dirty="0"/>
              <a:t>Charge utile :</a:t>
            </a:r>
          </a:p>
          <a:p>
            <a:pPr lvl="1"/>
            <a:r>
              <a:rPr lang="fr-FR" sz="1800" dirty="0"/>
              <a:t>	altimètre bi-fréquence (Poseidon-3)</a:t>
            </a:r>
          </a:p>
          <a:p>
            <a:pPr lvl="1"/>
            <a:r>
              <a:rPr lang="fr-FR" sz="1800" dirty="0"/>
              <a:t>	radiomètre tri-fréquence (AMR)</a:t>
            </a:r>
          </a:p>
          <a:p>
            <a:pPr lvl="1"/>
            <a:r>
              <a:rPr lang="fr-FR" sz="1800" dirty="0"/>
              <a:t>	Détermination d'orbite : laser (LRA), </a:t>
            </a:r>
            <a:br>
              <a:rPr lang="fr-FR" sz="1800" dirty="0"/>
            </a:br>
            <a:r>
              <a:rPr lang="fr-FR" sz="1800" dirty="0"/>
              <a:t>Doris, GPS (TRSR)</a:t>
            </a:r>
          </a:p>
          <a:p>
            <a:r>
              <a:rPr lang="fr-FR" sz="2000" dirty="0"/>
              <a:t>Orbite :</a:t>
            </a:r>
          </a:p>
          <a:p>
            <a:pPr lvl="1"/>
            <a:r>
              <a:rPr lang="fr-FR" sz="1800" dirty="0"/>
              <a:t>	Inclinaison : 66° (non héliosynchrone) </a:t>
            </a:r>
          </a:p>
          <a:p>
            <a:pPr lvl="1"/>
            <a:r>
              <a:rPr lang="fr-FR" sz="1800" dirty="0"/>
              <a:t>	Fréquence de revisite : 10 jours</a:t>
            </a:r>
          </a:p>
          <a:p>
            <a:pPr lvl="1"/>
            <a:r>
              <a:rPr lang="fr-FR" sz="1800" dirty="0"/>
              <a:t>	Distance inter-trace à l'équateur : 315 km </a:t>
            </a:r>
          </a:p>
          <a:p>
            <a:endParaRPr lang="en-GB" sz="2400" dirty="0"/>
          </a:p>
        </p:txBody>
      </p:sp>
      <p:grpSp>
        <p:nvGrpSpPr>
          <p:cNvPr id="4" name="Groupe 3">
            <a:extLst>
              <a:ext uri="{FF2B5EF4-FFF2-40B4-BE49-F238E27FC236}">
                <a16:creationId xmlns:a16="http://schemas.microsoft.com/office/drawing/2014/main" id="{7CE17EB6-0788-4E26-B779-4F888145F4C4}"/>
              </a:ext>
            </a:extLst>
          </p:cNvPr>
          <p:cNvGrpSpPr/>
          <p:nvPr/>
        </p:nvGrpSpPr>
        <p:grpSpPr>
          <a:xfrm>
            <a:off x="2351584" y="0"/>
            <a:ext cx="3312368" cy="1029707"/>
            <a:chOff x="2351584" y="0"/>
            <a:chExt cx="3312368" cy="1029707"/>
          </a:xfrm>
        </p:grpSpPr>
        <p:pic>
          <p:nvPicPr>
            <p:cNvPr id="3" name="Image 2">
              <a:extLst>
                <a:ext uri="{FF2B5EF4-FFF2-40B4-BE49-F238E27FC236}">
                  <a16:creationId xmlns:a16="http://schemas.microsoft.com/office/drawing/2014/main" id="{579870A1-7202-4949-9B6C-CFF9E70937A5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351584" y="0"/>
              <a:ext cx="3312368" cy="955179"/>
            </a:xfrm>
            <a:prstGeom prst="rect">
              <a:avLst/>
            </a:prstGeom>
          </p:spPr>
        </p:pic>
        <p:sp>
          <p:nvSpPr>
            <p:cNvPr id="7" name="ZoneTexte 6">
              <a:extLst>
                <a:ext uri="{FF2B5EF4-FFF2-40B4-BE49-F238E27FC236}">
                  <a16:creationId xmlns:a16="http://schemas.microsoft.com/office/drawing/2014/main" id="{03297590-5BC7-41AC-B537-09FEAD70896F}"/>
                </a:ext>
              </a:extLst>
            </p:cNvPr>
            <p:cNvSpPr txBox="1"/>
            <p:nvPr/>
          </p:nvSpPr>
          <p:spPr>
            <a:xfrm>
              <a:off x="2351584" y="768097"/>
              <a:ext cx="1322798" cy="2616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100" dirty="0">
                  <a:solidFill>
                    <a:schemeClr val="bg2">
                      <a:lumMod val="75000"/>
                    </a:schemeClr>
                  </a:solidFill>
                </a:rPr>
                <a:t>© Cnes/D. Ducros</a:t>
              </a:r>
            </a:p>
          </p:txBody>
        </p:sp>
      </p:grpSp>
      <p:pic>
        <p:nvPicPr>
          <p:cNvPr id="6" name="Image 5">
            <a:extLst>
              <a:ext uri="{FF2B5EF4-FFF2-40B4-BE49-F238E27FC236}">
                <a16:creationId xmlns:a16="http://schemas.microsoft.com/office/drawing/2014/main" id="{11FC1671-A2CF-46B6-851F-72C5BBE69DA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84134" y="1091705"/>
            <a:ext cx="6907866" cy="5147170"/>
          </a:xfrm>
          <a:prstGeom prst="rect">
            <a:avLst/>
          </a:prstGeom>
        </p:spPr>
      </p:pic>
    </p:spTree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m51bGwsIlZlcnNpb24iOnsiJGlkIjoiMiIsIlZlcnNpb24iOiIzLjMuMiIsIk9yaWdpbmFsQXNzZW1ibHlWZXJzaW9uIjoiMy42Mi4wNC4wMCIsIkVkaXRpb24iOiJCYXNpYyIsIklzUGx1c0VkaXRpb24iOmZhbHNlLCJJc1Byb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wLCJTaGFwZVRoaWNrbmVzcyI6MS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iLCJGb3JtYXQiOjAsIklzVmlzaWJsZSI6ZmFsc2UsIkxhc3RLbm93blZpc2liaWxpdHlTdGF0ZSI6ZmFsc2V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3JpZGxpbmVQYW5lbFN0eWxlIjp7IiRpZCI6IjEyOSIsIkdyaWRsaW5lU3R5bGUiOnsiJGlkIjoiMTMwIiwiTGluZUNvbG9yIjp7IiRpZCI6IjEzMSIsIiR0eXBlIjoiTkxSRS5Db21tb24uRG9tLlNvbGlkQ29sb3JCcnVzaCwgTkxSRS5Db21tb24iLCJDb2xvciI6eyIkaWQiOiIxMzIiLCJBIjozOCwiUiI6OTEsIkciOjE1NSwiQiI6MjEz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SIsIkhlYWRlclN0eWxlIjp7IiRpZCI6IjEzNiIsIlRleHRTdHlsZSI6eyIkaWQiOiIxMzciLCJGb250U2V0dGluZ3MiOnsiJGlkIjoiMTM4IiwiRm9udFNpemUiOjEyLCJGb250TmFtZSI6IkNhbGlicmkiLCJJc0JvbGQiOmZhbHNlLCJJc0l0YWxpYyI6ZmFsc2UsIklzVW5kZXJsaW5lZCI6ZmFsc2UsIlBhcmVudFN0eWxlIjpudWxsfSwiQXV0b1NpemUiOjAsIkZvcmVncm91bmQiOnsiJGlkIjoiMTM5IiwiQ29sb3IiOnsiJGlkIjoiMTQw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SIsIlRvcCI6MCwiTGVmdCI6MCwiUmlnaHQiOjAsIkJvdHRvbSI6MH0sIlBhZGRpbmciOnsiJGlkIjoiMTQyIiwiVG9wIjowLCJMZWZ0IjowLCJSaWdodCI6MCwiQm90dG9tIjowfSwiQmFja2dyb3VuZCI6bnVsbCwiSXNWaXNpYmxlIjp0cnV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xMjUifSwiSXNWaXNpYmxlIjp0cnVlLCJXaWR0aCI6MC4wLCJIZWlnaHQiOjAuMCwiQm9yZGVyU3R5bGUiOnsiJGlkIjoiMjM3IiwiTGluZUNvbG9yIjpudWxsLCJMaW5lV2VpZ2h0IjowLjAsIkxpbmVUeXBlIjowLCJQYXJlbnRTdHlsZSI6bnVsbH0sIlBhcmVudFN0eWxlIjpudWxsfSwiRGF0ZUZvcm1hdCI6eyIkaWQiOiIyMzg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MTI1In0sIklzVmlzaWJsZSI6dHJ1ZSwiV2lkdGgiOjAuMCwiSGVpZ2h0IjowLjAsIkJvcmRlclN0eWxlIjp7IiRpZCI6IjI3NiIsIkxpbmVDb2xvciI6bnVsbCwiTGluZVdlaWdodCI6MC4wLCJMaW5lVHlwZSI6MCwiUGFyZW50U3R5bGUiOm51bGx9LCJQYXJlbnRTdHlsZSI6bnVsbH0sIkRhdGVGb3JtYXQiOnsiJGlkIjoiMjc3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HJlZiI6Ijk5In0sIkxpbmVXZWlnaHQiOjEuMCwiTGluZVR5cGUiOjAsIlBhcmVudFN0eWxlIjpudWxsfSwiVmVydGljYWxDb25uZWN0b3JTdHlsZSI6eyIkaWQiOiI3MjYiLCJMaW5lQ29sb3IiOnsiJHJlZiI6IjEwMi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zUxIiwiSW1wYU9wdGlvbnMiOnsiJGlkIjoiNzUy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3NTMiLCJVc2VUaW1lIjpmYWxzZSwiV29ya0RheVN0YXJ0IjoiMDA6MDA6MDAiLCJXb3JrRGF5RW5kIjoiMjM6NTk6MDAifSwiTGFzdFVzZWRUZW1wbGF0ZUlkIjoiNzM1NWI2MzMtYWM2Ni00NTI4LThiNGQtMjk5ZmFlZGM5ZWU5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2-16T00:00:00.0000000Z"/>
  <p:tag name="OTLENDDATE" val="2023-02-16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3-31T00:00:00.0000000Z"/>
  <p:tag name="OTLENDDATE" val="2025-01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11-15T00:00:00.0000000Z"/>
  <p:tag name="OTLENDDATE" val="2027-11-1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2-15T00:00:00.0000000Z"/>
  <p:tag name="OTLENDDATE" val="2025-02-1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7-01T00:00:00.0000000Z"/>
  <p:tag name="OTLENDDATE" val="2030-07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7-01T00:00:00.0000000Z"/>
  <p:tag name="OTLENDDATE" val="2032-07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11-15T00:00:00.0000000Z"/>
  <p:tag name="OTLENDDATE" val="2032-11-15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fr-FR"/>
  <p:tag name="OTLTIMEBANDSCALEFORMAT" val="MMM"/>
  <p:tag name="OTLTIMEBANDSCALETYPE" val="Years"/>
  <p:tag name="OTLTIMEBANDQUICKPOSITION" val="Middle"/>
  <p:tag name="OTLTIMEBANDSHAPETYPE" val="RectangleTimeband"/>
  <p:tag name="OTLTIMEBANDTHREEDEFFECTS" val="Gel"/>
  <p:tag name="OTLTIMEBANDAUTODATERANGE" val="True"/>
  <p:tag name="OTLTIMEBANDSTARTDATE" val="0001-01-01T00:00:00.0000000"/>
  <p:tag name="OTLTIMEBANDENDDATE" val="2032-11-15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991-07-17T00:00:00.0000000Z"/>
  <p:tag name="OTLENDDATE" val="2000-03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992-08-10T00:00:00.0000000Z"/>
  <p:tag name="OTLENDDATE" val="2006-01-18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1995-04-21T00:00:00.0000000Z"/>
  <p:tag name="OTLENDDATE" val="2011-07-06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02-03-01T00:00:00.0000000Z"/>
  <p:tag name="OTLENDDATE" val="2012-04-08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08-06-20T00:00:00.0000000Z"/>
  <p:tag name="OTLENDDATE" val="2019-10-10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0-04-08T00:00:00.0000000Z"/>
  <p:tag name="OTLENDDATE" val="2021-12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3-02-25T00:00:00.0000000Z"/>
  <p:tag name="OTLENDDATE" val="2021-12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6-01-17T00:00:00.0000000Z"/>
  <p:tag name="OTLENDDATE" val="2023-01-18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522B40D578BE394FA86D13378E251975" ma:contentTypeVersion="11" ma:contentTypeDescription="Create a new document." ma:contentTypeScope="" ma:versionID="0a38f0e2ed87458219a96c64e52d4461">
  <xsd:schema xmlns:xsd="http://www.w3.org/2001/XMLSchema" xmlns:xs="http://www.w3.org/2001/XMLSchema" xmlns:p="http://schemas.microsoft.com/office/2006/metadata/properties" xmlns:ns3="74b108d2-bcfb-4c26-9914-e48d6d9bb1a0" xmlns:ns4="2b383511-ebb8-4875-ad3d-ccbb1632decb" targetNamespace="http://schemas.microsoft.com/office/2006/metadata/properties" ma:root="true" ma:fieldsID="31257da69b0d06e99f25686e59b3ce34" ns3:_="" ns4:_="">
    <xsd:import namespace="74b108d2-bcfb-4c26-9914-e48d6d9bb1a0"/>
    <xsd:import namespace="2b383511-ebb8-4875-ad3d-ccbb1632decb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Location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4b108d2-bcfb-4c26-9914-e48d6d9bb1a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OCR" ma:index="12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3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b383511-ebb8-4875-ad3d-ccbb1632decb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6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E57B89D1-008E-4EDA-9519-FD6D5B2AD056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18504272-2CE5-46CE-BABA-465297D1CC2F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4b108d2-bcfb-4c26-9914-e48d6d9bb1a0"/>
    <ds:schemaRef ds:uri="2b383511-ebb8-4875-ad3d-ccbb1632dec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21C95E63-7CA6-46F8-8084-D431284BFB67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7956</TotalTime>
  <Words>2619</Words>
  <Application>Microsoft Office PowerPoint</Application>
  <PresentationFormat>Grand écran</PresentationFormat>
  <Paragraphs>280</Paragraphs>
  <Slides>16</Slides>
  <Notes>15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6</vt:i4>
      </vt:variant>
    </vt:vector>
  </HeadingPairs>
  <TitlesOfParts>
    <vt:vector size="20" baseType="lpstr">
      <vt:lpstr>Arial</vt:lpstr>
      <vt:lpstr>Calibri</vt:lpstr>
      <vt:lpstr>Calibri Light</vt:lpstr>
      <vt:lpstr>Thème Office</vt:lpstr>
      <vt:lpstr>Hauteurs d’eau : les satellites / les instruments </vt:lpstr>
      <vt:lpstr>Présentation PowerPoint</vt:lpstr>
      <vt:lpstr>Missions altimétriques utilisées en hydrologie </vt:lpstr>
      <vt:lpstr>Les satellites altimétriques, de l’océan au cours d’eau </vt:lpstr>
      <vt:lpstr>ERS-1 &amp; 2 </vt:lpstr>
      <vt:lpstr>Topex/Poséidon </vt:lpstr>
      <vt:lpstr>Jason-1 </vt:lpstr>
      <vt:lpstr>Envisat </vt:lpstr>
      <vt:lpstr>Jason-2 </vt:lpstr>
      <vt:lpstr>Cryosat-2 </vt:lpstr>
      <vt:lpstr>Saral </vt:lpstr>
      <vt:lpstr>Jason-3 </vt:lpstr>
      <vt:lpstr>Sentinel-3 </vt:lpstr>
      <vt:lpstr>Sentinel-6 (Jason-CS) </vt:lpstr>
      <vt:lpstr>Swot </vt:lpstr>
      <vt:lpstr>Accès aux données </vt:lpstr>
    </vt:vector>
  </TitlesOfParts>
  <Company>*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pt missions</dc:title>
  <dc:creator>*</dc:creator>
  <cp:lastModifiedBy>Rosmorduc Vinca</cp:lastModifiedBy>
  <cp:revision>465</cp:revision>
  <dcterms:created xsi:type="dcterms:W3CDTF">2004-01-28T14:15:25Z</dcterms:created>
  <dcterms:modified xsi:type="dcterms:W3CDTF">2024-01-26T14:15:0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522B40D578BE394FA86D13378E251975</vt:lpwstr>
  </property>
</Properties>
</file>